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11"/>
  </p:notesMasterIdLst>
  <p:handoutMasterIdLst>
    <p:handoutMasterId r:id="rId12"/>
  </p:handoutMasterIdLst>
  <p:sldIdLst>
    <p:sldId id="294" r:id="rId1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60"/>
  </p:normalViewPr>
  <p:slideViewPr>
    <p:cSldViewPr snapToGrid="0" showGuides="1">
      <p:cViewPr varScale="1">
        <p:scale>
          <a:sx n="86" d="100"/>
          <a:sy n="86" d="100"/>
        </p:scale>
        <p:origin x="562" y="5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6" d="100"/>
          <a:sy n="96" d="100"/>
        </p:scale>
        <p:origin x="278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presProps" Target="pres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viewProps" Target="viewProps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10C52AA8-64B0-40C1-9F9F-DB97BA774005}" type="doc">
      <dgm:prSet loTypeId="urn:microsoft.com/office/officeart/2005/8/layout/process1" loCatId="process" qsTypeId="urn:microsoft.com/office/officeart/2005/8/quickstyle/simple1" qsCatId="simple" csTypeId="urn:microsoft.com/office/officeart/2005/8/colors/accent1_2" csCatId="accent1" phldr="1"/>
      <dgm:spPr/>
    </dgm:pt>
    <dgm:pt modelId="{1FE436A3-1C2C-4DB5-9B64-2A94ADAB62FE}">
      <dgm:prSet phldrT="[Tekst]" custT="1"/>
      <dgm:spPr/>
      <dgm:t>
        <a:bodyPr/>
        <a:lstStyle/>
        <a:p>
          <a:pPr algn="ctr"/>
          <a:r>
            <a:rPr lang="da-DK" sz="1600" b="1" dirty="0"/>
            <a:t>A) Overblik</a:t>
          </a:r>
        </a:p>
        <a:p>
          <a:pPr algn="ctr"/>
          <a:r>
            <a:rPr lang="da-DK" sz="1600" b="0" dirty="0"/>
            <a:t>- Hvad er din forforståelse?</a:t>
          </a:r>
        </a:p>
        <a:p>
          <a:pPr algn="ctr"/>
          <a:r>
            <a:rPr lang="da-DK" sz="1600" b="0" dirty="0"/>
            <a:t>- Hvordan hænger teksten sammen med dit modul/semester/mål for læringsudbytte? </a:t>
          </a:r>
        </a:p>
        <a:p>
          <a:pPr algn="ctr"/>
          <a:r>
            <a:rPr lang="da-DK" sz="1600" b="0" dirty="0"/>
            <a:t>-Hvad er genren?</a:t>
          </a:r>
        </a:p>
        <a:p>
          <a:pPr algn="ctr"/>
          <a:r>
            <a:rPr lang="da-DK" sz="1600" b="0" dirty="0"/>
            <a:t>- Hvem er afsender af tekst? </a:t>
          </a:r>
        </a:p>
        <a:p>
          <a:pPr algn="ctr"/>
          <a:r>
            <a:rPr lang="da-DK" sz="1600" b="0" dirty="0"/>
            <a:t>Hvad er afsenders intention?</a:t>
          </a:r>
        </a:p>
        <a:p>
          <a:pPr algn="ctr"/>
          <a:endParaRPr lang="da-DK" sz="1600" b="0" dirty="0"/>
        </a:p>
        <a:p>
          <a:pPr algn="ctr"/>
          <a:endParaRPr lang="da-DK" sz="1600" b="0" dirty="0"/>
        </a:p>
      </dgm:t>
    </dgm:pt>
    <dgm:pt modelId="{C0F6DA88-504A-448E-BCB9-72A5CEBC2B7F}" type="parTrans" cxnId="{24FC5CB9-63EA-43A0-88D5-DDFC41D87DE5}">
      <dgm:prSet/>
      <dgm:spPr/>
      <dgm:t>
        <a:bodyPr/>
        <a:lstStyle/>
        <a:p>
          <a:pPr algn="ctr"/>
          <a:endParaRPr lang="da-DK"/>
        </a:p>
      </dgm:t>
    </dgm:pt>
    <dgm:pt modelId="{52BA8032-ACCF-40F8-BCEE-DA65749684F4}" type="sibTrans" cxnId="{24FC5CB9-63EA-43A0-88D5-DDFC41D87DE5}">
      <dgm:prSet/>
      <dgm:spPr/>
      <dgm:t>
        <a:bodyPr/>
        <a:lstStyle/>
        <a:p>
          <a:pPr algn="ctr"/>
          <a:endParaRPr lang="da-DK"/>
        </a:p>
      </dgm:t>
    </dgm:pt>
    <dgm:pt modelId="{D5917EB6-92F5-413B-AD0A-D8787C0CBF75}">
      <dgm:prSet phldrT="[Tekst]" custT="1"/>
      <dgm:spPr/>
      <dgm:t>
        <a:bodyPr/>
        <a:lstStyle/>
        <a:p>
          <a:pPr algn="ctr"/>
          <a:endParaRPr lang="da-DK" sz="1600" b="1" dirty="0"/>
        </a:p>
        <a:p>
          <a:pPr algn="ctr"/>
          <a:r>
            <a:rPr lang="da-DK" sz="1600" b="1" dirty="0"/>
            <a:t>B) Vælg læsemåde</a:t>
          </a:r>
        </a:p>
        <a:p>
          <a:pPr algn="ctr"/>
          <a:endParaRPr lang="da-DK" sz="1600" b="1" dirty="0"/>
        </a:p>
        <a:p>
          <a:pPr algn="ctr"/>
          <a:endParaRPr lang="da-DK" sz="1600" b="1" dirty="0"/>
        </a:p>
        <a:p>
          <a:pPr algn="ctr"/>
          <a:endParaRPr lang="da-DK" sz="1600" b="1" dirty="0"/>
        </a:p>
        <a:p>
          <a:pPr algn="ctr"/>
          <a:r>
            <a:rPr lang="da-DK" sz="1600" b="1" dirty="0"/>
            <a:t>- Start altid med overblikslæsning</a:t>
          </a:r>
        </a:p>
        <a:p>
          <a:pPr algn="ctr"/>
          <a:endParaRPr lang="da-DK" sz="1600" b="1" dirty="0"/>
        </a:p>
        <a:p>
          <a:pPr algn="ctr"/>
          <a:endParaRPr lang="da-DK" sz="1600" b="1" dirty="0"/>
        </a:p>
        <a:p>
          <a:pPr algn="ctr"/>
          <a:r>
            <a:rPr lang="da-DK" sz="1600" dirty="0"/>
            <a:t>- Skimme</a:t>
          </a:r>
        </a:p>
        <a:p>
          <a:pPr algn="ctr"/>
          <a:r>
            <a:rPr lang="da-DK" sz="1600" dirty="0"/>
            <a:t>- Normal</a:t>
          </a:r>
        </a:p>
        <a:p>
          <a:pPr algn="ctr"/>
          <a:r>
            <a:rPr lang="da-DK" sz="1600" dirty="0"/>
            <a:t>- Intensiv</a:t>
          </a:r>
        </a:p>
        <a:p>
          <a:pPr algn="ctr"/>
          <a:r>
            <a:rPr lang="da-DK" sz="1600" dirty="0"/>
            <a:t>- Selektiv</a:t>
          </a:r>
        </a:p>
        <a:p>
          <a:pPr algn="ctr"/>
          <a:r>
            <a:rPr lang="da-DK" sz="1600" dirty="0"/>
            <a:t>- Opslag</a:t>
          </a:r>
        </a:p>
      </dgm:t>
    </dgm:pt>
    <dgm:pt modelId="{33EC0AC0-906A-48B5-BEE7-0BDD0B5899D5}" type="parTrans" cxnId="{D9D6A9C9-100F-4D2B-A9D1-798F8FF46A24}">
      <dgm:prSet/>
      <dgm:spPr/>
      <dgm:t>
        <a:bodyPr/>
        <a:lstStyle/>
        <a:p>
          <a:pPr algn="ctr"/>
          <a:endParaRPr lang="da-DK"/>
        </a:p>
      </dgm:t>
    </dgm:pt>
    <dgm:pt modelId="{C4C3841D-1B62-4AFB-A2CC-1B5F7DAB998E}" type="sibTrans" cxnId="{D9D6A9C9-100F-4D2B-A9D1-798F8FF46A24}">
      <dgm:prSet/>
      <dgm:spPr/>
      <dgm:t>
        <a:bodyPr/>
        <a:lstStyle/>
        <a:p>
          <a:pPr algn="ctr"/>
          <a:endParaRPr lang="da-DK"/>
        </a:p>
      </dgm:t>
    </dgm:pt>
    <dgm:pt modelId="{93089223-DED4-4068-A7E6-269F07B3A73F}">
      <dgm:prSet phldrT="[Tekst]" custT="1"/>
      <dgm:spPr/>
      <dgm:t>
        <a:bodyPr/>
        <a:lstStyle/>
        <a:p>
          <a:pPr algn="ctr"/>
          <a:r>
            <a:rPr lang="da-DK" sz="1600" b="1" dirty="0"/>
            <a:t>C) Bearbejd</a:t>
          </a:r>
        </a:p>
        <a:p>
          <a:pPr algn="ctr"/>
          <a:endParaRPr lang="da-DK" sz="1600" b="0" dirty="0"/>
        </a:p>
        <a:p>
          <a:pPr algn="ctr"/>
          <a:endParaRPr lang="da-DK" sz="1600" b="0" dirty="0"/>
        </a:p>
        <a:p>
          <a:pPr algn="ctr"/>
          <a:endParaRPr lang="da-DK" sz="1600" b="0" dirty="0"/>
        </a:p>
        <a:p>
          <a:pPr algn="ctr"/>
          <a:endParaRPr lang="da-DK" sz="1600" b="0" dirty="0"/>
        </a:p>
        <a:p>
          <a:pPr algn="ctr"/>
          <a:endParaRPr lang="da-DK" sz="1600" b="0" dirty="0"/>
        </a:p>
        <a:p>
          <a:pPr algn="ctr"/>
          <a:r>
            <a:rPr lang="da-DK" sz="1600" b="0" dirty="0"/>
            <a:t>- Tag notater</a:t>
          </a:r>
        </a:p>
        <a:p>
          <a:pPr algn="ctr"/>
          <a:r>
            <a:rPr lang="da-DK" sz="1600" b="0" dirty="0"/>
            <a:t>- Quiz dig selv</a:t>
          </a:r>
        </a:p>
        <a:p>
          <a:pPr algn="ctr"/>
          <a:r>
            <a:rPr lang="da-DK" sz="1600" b="0" dirty="0"/>
            <a:t>- Tag referat</a:t>
          </a:r>
        </a:p>
        <a:p>
          <a:pPr algn="ctr"/>
          <a:r>
            <a:rPr lang="da-DK" sz="1600" b="0" dirty="0"/>
            <a:t>- Tegn modeller</a:t>
          </a:r>
        </a:p>
        <a:p>
          <a:pPr algn="ctr"/>
          <a:r>
            <a:rPr lang="da-DK" sz="1600" b="0" dirty="0"/>
            <a:t>- Diskuter med andre</a:t>
          </a:r>
        </a:p>
      </dgm:t>
    </dgm:pt>
    <dgm:pt modelId="{3D883727-98C6-441F-8208-9BC10A507B16}" type="parTrans" cxnId="{7B75BAE9-EEEB-45C2-97A2-010E2B2648A3}">
      <dgm:prSet/>
      <dgm:spPr/>
      <dgm:t>
        <a:bodyPr/>
        <a:lstStyle/>
        <a:p>
          <a:pPr algn="ctr"/>
          <a:endParaRPr lang="da-DK"/>
        </a:p>
      </dgm:t>
    </dgm:pt>
    <dgm:pt modelId="{4A49D56E-665E-478B-8790-ECB9AB8000D1}" type="sibTrans" cxnId="{7B75BAE9-EEEB-45C2-97A2-010E2B2648A3}">
      <dgm:prSet/>
      <dgm:spPr/>
      <dgm:t>
        <a:bodyPr/>
        <a:lstStyle/>
        <a:p>
          <a:pPr algn="ctr"/>
          <a:endParaRPr lang="da-DK"/>
        </a:p>
      </dgm:t>
    </dgm:pt>
    <dgm:pt modelId="{73506693-EF8F-4C49-99E3-2486E31AD830}" type="pres">
      <dgm:prSet presAssocID="{10C52AA8-64B0-40C1-9F9F-DB97BA774005}" presName="Name0" presStyleCnt="0">
        <dgm:presLayoutVars>
          <dgm:dir/>
          <dgm:resizeHandles val="exact"/>
        </dgm:presLayoutVars>
      </dgm:prSet>
      <dgm:spPr/>
    </dgm:pt>
    <dgm:pt modelId="{2A4E8556-32A7-4832-BC58-BC47D6CD0D6D}" type="pres">
      <dgm:prSet presAssocID="{1FE436A3-1C2C-4DB5-9B64-2A94ADAB62FE}" presName="node" presStyleLbl="node1" presStyleIdx="0" presStyleCnt="3" custLinFactNeighborX="341" custLinFactNeighborY="9976">
        <dgm:presLayoutVars>
          <dgm:bulletEnabled val="1"/>
        </dgm:presLayoutVars>
      </dgm:prSet>
      <dgm:spPr/>
    </dgm:pt>
    <dgm:pt modelId="{46414DDD-5585-4535-B705-B985E2426AF3}" type="pres">
      <dgm:prSet presAssocID="{52BA8032-ACCF-40F8-BCEE-DA65749684F4}" presName="sibTrans" presStyleLbl="sibTrans2D1" presStyleIdx="0" presStyleCnt="2"/>
      <dgm:spPr/>
    </dgm:pt>
    <dgm:pt modelId="{0834267E-2CA5-41B9-8A2E-CF5D99C398AC}" type="pres">
      <dgm:prSet presAssocID="{52BA8032-ACCF-40F8-BCEE-DA65749684F4}" presName="connectorText" presStyleLbl="sibTrans2D1" presStyleIdx="0" presStyleCnt="2"/>
      <dgm:spPr/>
    </dgm:pt>
    <dgm:pt modelId="{33A3520C-97B5-4ECA-A238-92F659DDF2FE}" type="pres">
      <dgm:prSet presAssocID="{D5917EB6-92F5-413B-AD0A-D8787C0CBF75}" presName="node" presStyleLbl="node1" presStyleIdx="1" presStyleCnt="3" custLinFactNeighborY="9407">
        <dgm:presLayoutVars>
          <dgm:bulletEnabled val="1"/>
        </dgm:presLayoutVars>
      </dgm:prSet>
      <dgm:spPr/>
    </dgm:pt>
    <dgm:pt modelId="{9422371A-F661-40A4-BC9A-FED1ED79A51E}" type="pres">
      <dgm:prSet presAssocID="{C4C3841D-1B62-4AFB-A2CC-1B5F7DAB998E}" presName="sibTrans" presStyleLbl="sibTrans2D1" presStyleIdx="1" presStyleCnt="2"/>
      <dgm:spPr/>
    </dgm:pt>
    <dgm:pt modelId="{43E78996-FE58-48CD-BA61-B7174272C526}" type="pres">
      <dgm:prSet presAssocID="{C4C3841D-1B62-4AFB-A2CC-1B5F7DAB998E}" presName="connectorText" presStyleLbl="sibTrans2D1" presStyleIdx="1" presStyleCnt="2"/>
      <dgm:spPr/>
    </dgm:pt>
    <dgm:pt modelId="{4CC4FC04-5312-4B9F-BDD4-27E72B9B2399}" type="pres">
      <dgm:prSet presAssocID="{93089223-DED4-4068-A7E6-269F07B3A73F}" presName="node" presStyleLbl="node1" presStyleIdx="2" presStyleCnt="3" custLinFactNeighborX="-1176" custLinFactNeighborY="7370">
        <dgm:presLayoutVars>
          <dgm:bulletEnabled val="1"/>
        </dgm:presLayoutVars>
      </dgm:prSet>
      <dgm:spPr/>
    </dgm:pt>
  </dgm:ptLst>
  <dgm:cxnLst>
    <dgm:cxn modelId="{431F430B-5A05-4B80-B374-F12DFDF65C3C}" type="presOf" srcId="{D5917EB6-92F5-413B-AD0A-D8787C0CBF75}" destId="{33A3520C-97B5-4ECA-A238-92F659DDF2FE}" srcOrd="0" destOrd="0" presId="urn:microsoft.com/office/officeart/2005/8/layout/process1"/>
    <dgm:cxn modelId="{E8301F0F-51B8-4AB3-AFD6-7EC2E506D305}" type="presOf" srcId="{52BA8032-ACCF-40F8-BCEE-DA65749684F4}" destId="{46414DDD-5585-4535-B705-B985E2426AF3}" srcOrd="0" destOrd="0" presId="urn:microsoft.com/office/officeart/2005/8/layout/process1"/>
    <dgm:cxn modelId="{2A4AE90F-4C00-4715-8A0C-6E352753CF6F}" type="presOf" srcId="{1FE436A3-1C2C-4DB5-9B64-2A94ADAB62FE}" destId="{2A4E8556-32A7-4832-BC58-BC47D6CD0D6D}" srcOrd="0" destOrd="0" presId="urn:microsoft.com/office/officeart/2005/8/layout/process1"/>
    <dgm:cxn modelId="{BCEC4B15-F43B-4C1A-AF9E-AE9DEAA10CB7}" type="presOf" srcId="{C4C3841D-1B62-4AFB-A2CC-1B5F7DAB998E}" destId="{43E78996-FE58-48CD-BA61-B7174272C526}" srcOrd="1" destOrd="0" presId="urn:microsoft.com/office/officeart/2005/8/layout/process1"/>
    <dgm:cxn modelId="{F9863C16-9DA5-453C-86BE-151C2307134D}" type="presOf" srcId="{C4C3841D-1B62-4AFB-A2CC-1B5F7DAB998E}" destId="{9422371A-F661-40A4-BC9A-FED1ED79A51E}" srcOrd="0" destOrd="0" presId="urn:microsoft.com/office/officeart/2005/8/layout/process1"/>
    <dgm:cxn modelId="{FCDF9B71-EBCD-4532-A755-976504CF9AA2}" type="presOf" srcId="{93089223-DED4-4068-A7E6-269F07B3A73F}" destId="{4CC4FC04-5312-4B9F-BDD4-27E72B9B2399}" srcOrd="0" destOrd="0" presId="urn:microsoft.com/office/officeart/2005/8/layout/process1"/>
    <dgm:cxn modelId="{24FC5CB9-63EA-43A0-88D5-DDFC41D87DE5}" srcId="{10C52AA8-64B0-40C1-9F9F-DB97BA774005}" destId="{1FE436A3-1C2C-4DB5-9B64-2A94ADAB62FE}" srcOrd="0" destOrd="0" parTransId="{C0F6DA88-504A-448E-BCB9-72A5CEBC2B7F}" sibTransId="{52BA8032-ACCF-40F8-BCEE-DA65749684F4}"/>
    <dgm:cxn modelId="{732D05C7-4FBE-488F-B065-254DCF040A5F}" type="presOf" srcId="{10C52AA8-64B0-40C1-9F9F-DB97BA774005}" destId="{73506693-EF8F-4C49-99E3-2486E31AD830}" srcOrd="0" destOrd="0" presId="urn:microsoft.com/office/officeart/2005/8/layout/process1"/>
    <dgm:cxn modelId="{D9D6A9C9-100F-4D2B-A9D1-798F8FF46A24}" srcId="{10C52AA8-64B0-40C1-9F9F-DB97BA774005}" destId="{D5917EB6-92F5-413B-AD0A-D8787C0CBF75}" srcOrd="1" destOrd="0" parTransId="{33EC0AC0-906A-48B5-BEE7-0BDD0B5899D5}" sibTransId="{C4C3841D-1B62-4AFB-A2CC-1B5F7DAB998E}"/>
    <dgm:cxn modelId="{A31265CF-F759-453E-A68E-D1A8CE3472D5}" type="presOf" srcId="{52BA8032-ACCF-40F8-BCEE-DA65749684F4}" destId="{0834267E-2CA5-41B9-8A2E-CF5D99C398AC}" srcOrd="1" destOrd="0" presId="urn:microsoft.com/office/officeart/2005/8/layout/process1"/>
    <dgm:cxn modelId="{7B75BAE9-EEEB-45C2-97A2-010E2B2648A3}" srcId="{10C52AA8-64B0-40C1-9F9F-DB97BA774005}" destId="{93089223-DED4-4068-A7E6-269F07B3A73F}" srcOrd="2" destOrd="0" parTransId="{3D883727-98C6-441F-8208-9BC10A507B16}" sibTransId="{4A49D56E-665E-478B-8790-ECB9AB8000D1}"/>
    <dgm:cxn modelId="{F01F1A07-78B0-40D5-9317-DC411F9C6B3C}" type="presParOf" srcId="{73506693-EF8F-4C49-99E3-2486E31AD830}" destId="{2A4E8556-32A7-4832-BC58-BC47D6CD0D6D}" srcOrd="0" destOrd="0" presId="urn:microsoft.com/office/officeart/2005/8/layout/process1"/>
    <dgm:cxn modelId="{332FE2BD-EE20-4BD7-8690-BBCD3198A0DA}" type="presParOf" srcId="{73506693-EF8F-4C49-99E3-2486E31AD830}" destId="{46414DDD-5585-4535-B705-B985E2426AF3}" srcOrd="1" destOrd="0" presId="urn:microsoft.com/office/officeart/2005/8/layout/process1"/>
    <dgm:cxn modelId="{203523C6-58DA-42F2-A901-71B2CE870575}" type="presParOf" srcId="{46414DDD-5585-4535-B705-B985E2426AF3}" destId="{0834267E-2CA5-41B9-8A2E-CF5D99C398AC}" srcOrd="0" destOrd="0" presId="urn:microsoft.com/office/officeart/2005/8/layout/process1"/>
    <dgm:cxn modelId="{1F7E1DCF-B5C5-40F6-A459-483DC38DDFD3}" type="presParOf" srcId="{73506693-EF8F-4C49-99E3-2486E31AD830}" destId="{33A3520C-97B5-4ECA-A238-92F659DDF2FE}" srcOrd="2" destOrd="0" presId="urn:microsoft.com/office/officeart/2005/8/layout/process1"/>
    <dgm:cxn modelId="{AFEBFBDF-1B10-40BC-A46C-EB2950CAFA48}" type="presParOf" srcId="{73506693-EF8F-4C49-99E3-2486E31AD830}" destId="{9422371A-F661-40A4-BC9A-FED1ED79A51E}" srcOrd="3" destOrd="0" presId="urn:microsoft.com/office/officeart/2005/8/layout/process1"/>
    <dgm:cxn modelId="{EC742BD6-F1AA-4816-B734-1ACC964380E5}" type="presParOf" srcId="{9422371A-F661-40A4-BC9A-FED1ED79A51E}" destId="{43E78996-FE58-48CD-BA61-B7174272C526}" srcOrd="0" destOrd="0" presId="urn:microsoft.com/office/officeart/2005/8/layout/process1"/>
    <dgm:cxn modelId="{F8F6DFC0-E3BF-442A-8DCD-E0062D2F4BD7}" type="presParOf" srcId="{73506693-EF8F-4C49-99E3-2486E31AD830}" destId="{4CC4FC04-5312-4B9F-BDD4-27E72B9B2399}" srcOrd="4" destOrd="0" presId="urn:microsoft.com/office/officeart/2005/8/layout/process1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A4E8556-32A7-4832-BC58-BC47D6CD0D6D}">
      <dsp:nvSpPr>
        <dsp:cNvPr id="0" name=""/>
        <dsp:cNvSpPr/>
      </dsp:nvSpPr>
      <dsp:spPr>
        <a:xfrm>
          <a:off x="10056" y="940879"/>
          <a:ext cx="2135187" cy="4418483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1" kern="1200" dirty="0"/>
            <a:t>A) Overblik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kern="1200" dirty="0"/>
            <a:t>- Hvad er din forforståelse?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kern="1200" dirty="0"/>
            <a:t>- Hvordan hænger teksten sammen med dit modul/semester/mål for læringsudbytte? 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kern="1200" dirty="0"/>
            <a:t>-Hvad er genren?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kern="1200" dirty="0"/>
            <a:t>- Hvem er afsender af tekst? 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kern="1200" dirty="0"/>
            <a:t>Hvad er afsenders intention?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0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0" kern="1200" dirty="0"/>
        </a:p>
      </dsp:txBody>
      <dsp:txXfrm>
        <a:off x="72593" y="1003416"/>
        <a:ext cx="2010113" cy="4293409"/>
      </dsp:txXfrm>
    </dsp:sp>
    <dsp:sp modelId="{46414DDD-5585-4535-B705-B985E2426AF3}">
      <dsp:nvSpPr>
        <dsp:cNvPr id="0" name=""/>
        <dsp:cNvSpPr/>
      </dsp:nvSpPr>
      <dsp:spPr>
        <a:xfrm rot="21571059">
          <a:off x="2358026" y="2872680"/>
          <a:ext cx="451132" cy="529526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200" kern="1200"/>
        </a:p>
      </dsp:txBody>
      <dsp:txXfrm>
        <a:off x="2358028" y="2979155"/>
        <a:ext cx="315792" cy="317716"/>
      </dsp:txXfrm>
    </dsp:sp>
    <dsp:sp modelId="{33A3520C-97B5-4ECA-A238-92F659DDF2FE}">
      <dsp:nvSpPr>
        <dsp:cNvPr id="0" name=""/>
        <dsp:cNvSpPr/>
      </dsp:nvSpPr>
      <dsp:spPr>
        <a:xfrm>
          <a:off x="2996406" y="915738"/>
          <a:ext cx="2135187" cy="4418483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1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1" kern="1200" dirty="0"/>
            <a:t>B) Vælg læsemåde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1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1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1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1" kern="1200" dirty="0"/>
            <a:t>- Start altid med overblikslæsning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1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1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- Skimme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- Normal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- Intensiv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- Selektiv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kern="1200" dirty="0"/>
            <a:t>- Opslag</a:t>
          </a:r>
        </a:p>
      </dsp:txBody>
      <dsp:txXfrm>
        <a:off x="3058943" y="978275"/>
        <a:ext cx="2010113" cy="4293409"/>
      </dsp:txXfrm>
    </dsp:sp>
    <dsp:sp modelId="{9422371A-F661-40A4-BC9A-FED1ED79A51E}">
      <dsp:nvSpPr>
        <dsp:cNvPr id="0" name=""/>
        <dsp:cNvSpPr/>
      </dsp:nvSpPr>
      <dsp:spPr>
        <a:xfrm rot="21496175">
          <a:off x="5342499" y="2814832"/>
          <a:ext cx="447540" cy="529526"/>
        </a:xfrm>
        <a:prstGeom prst="rightArrow">
          <a:avLst>
            <a:gd name="adj1" fmla="val 60000"/>
            <a:gd name="adj2" fmla="val 50000"/>
          </a:avLst>
        </a:prstGeom>
        <a:solidFill>
          <a:schemeClr val="accent1">
            <a:tint val="6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200" kern="1200"/>
        </a:p>
      </dsp:txBody>
      <dsp:txXfrm>
        <a:off x="5342530" y="2922764"/>
        <a:ext cx="313278" cy="317716"/>
      </dsp:txXfrm>
    </dsp:sp>
    <dsp:sp modelId="{4CC4FC04-5312-4B9F-BDD4-27E72B9B2399}">
      <dsp:nvSpPr>
        <dsp:cNvPr id="0" name=""/>
        <dsp:cNvSpPr/>
      </dsp:nvSpPr>
      <dsp:spPr>
        <a:xfrm>
          <a:off x="5975624" y="825734"/>
          <a:ext cx="2135187" cy="4418483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0960" tIns="60960" rIns="60960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1" kern="1200" dirty="0"/>
            <a:t>C) Bearbejd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0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0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0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0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1600" b="0" kern="1200" dirty="0"/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kern="1200" dirty="0"/>
            <a:t>- Tag notater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kern="1200" dirty="0"/>
            <a:t>- Quiz dig selv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kern="1200" dirty="0"/>
            <a:t>- Tag referat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kern="1200" dirty="0"/>
            <a:t>- Tegn modeller</a:t>
          </a:r>
        </a:p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600" b="0" kern="1200" dirty="0"/>
            <a:t>- Diskuter med andre</a:t>
          </a:r>
        </a:p>
      </dsp:txBody>
      <dsp:txXfrm>
        <a:off x="6038161" y="888271"/>
        <a:ext cx="2010113" cy="4293409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process1">
  <dgm:title val=""/>
  <dgm:desc val=""/>
  <dgm:catLst>
    <dgm:cat type="process" pri="1000"/>
    <dgm:cat type="convert" pri="15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h" for="ch" ptType="node" op="equ"/>
      <dgm:constr type="primFontSz" for="ch" ptType="node" op="equ" val="65"/>
      <dgm:constr type="w" for="ch" ptType="sibTrans" refType="w" refFor="ch" refPtType="node" op="equ" fact="0.4"/>
      <dgm:constr type="h" for="ch" ptType="sibTrans" op="equ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18" fact="NaN" max="NaN"/>
          <dgm:rule type="h" val="NaN" fact="1.5" max="NaN"/>
          <dgm:rule type="primFontSz" val="5" fact="NaN" max="NaN"/>
          <dgm:rule type="h" val="INF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  <dgm:constr type="begPad" refType="connDist" fact="0.25"/>
            <dgm:constr type="endPad" refType="connDist" fact="0.22"/>
          </dgm:constrLst>
          <dgm:ruleLst/>
          <dgm:layoutNode name="connectorText">
            <dgm:alg type="tx">
              <dgm:param type="autoTxRot" val="grav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nr.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7/11/2024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86E511-D742-4EFE-90B5-C9FC42762E0F}" type="datetimeFigureOut">
              <a:rPr lang="en-GB" smtClean="0"/>
              <a:t>27/11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16CFAD1-D197-4A88-B173-A6412E995EE5}" type="slidenum">
              <a:rPr lang="en-GB" smtClean="0"/>
              <a:t>‹nr.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4" Type="http://schemas.openxmlformats.org/officeDocument/2006/relationships/image" Target="../media/image8.png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(A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ød baggrund"/>
          <p:cNvSpPr/>
          <p:nvPr userDrawn="1"/>
        </p:nvSpPr>
        <p:spPr>
          <a:xfrm>
            <a:off x="2699" y="0"/>
            <a:ext cx="121896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56878" y="624469"/>
            <a:ext cx="7227922" cy="1973766"/>
          </a:xfrm>
        </p:spPr>
        <p:txBody>
          <a:bodyPr anchor="b"/>
          <a:lstStyle>
            <a:lvl1pPr algn="l">
              <a:defRPr sz="4800">
                <a:solidFill>
                  <a:schemeClr val="bg2"/>
                </a:solidFill>
              </a:defRPr>
            </a:lvl1pPr>
          </a:lstStyle>
          <a:p>
            <a:r>
              <a:rPr lang="da-DK" dirty="0"/>
              <a:t>Click to edit 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755999" y="2810109"/>
            <a:ext cx="7228801" cy="1092819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bg2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</a:p>
        </p:txBody>
      </p:sp>
      <p:sp>
        <p:nvSpPr>
          <p:cNvPr id="9" name="Text Placeholder 3"/>
          <p:cNvSpPr>
            <a:spLocks noGrp="1"/>
          </p:cNvSpPr>
          <p:nvPr>
            <p:ph type="body" sz="quarter" idx="15" hasCustomPrompt="1"/>
          </p:nvPr>
        </p:nvSpPr>
        <p:spPr>
          <a:xfrm>
            <a:off x="755650" y="5510785"/>
            <a:ext cx="4563482" cy="391432"/>
          </a:xfrm>
        </p:spPr>
        <p:txBody>
          <a:bodyPr anchor="b" anchorCtr="0"/>
          <a:lstStyle>
            <a:lvl1pPr marL="0" indent="0" rtl="0">
              <a:lnSpc>
                <a:spcPct val="104000"/>
              </a:lnSpc>
              <a:buNone/>
              <a:defRPr sz="1600">
                <a:solidFill>
                  <a:schemeClr val="bg2"/>
                </a:solidFill>
              </a:defRPr>
            </a:lvl1pPr>
          </a:lstStyle>
          <a:p>
            <a:pPr lvl="0"/>
            <a:r>
              <a:rPr lang="da-DK" dirty="0"/>
              <a:t>Indsæt navn og efternavn</a:t>
            </a:r>
          </a:p>
        </p:txBody>
      </p:sp>
      <p:sp>
        <p:nvSpPr>
          <p:cNvPr id="12" name="Picture Placeholder 4"/>
          <p:cNvSpPr>
            <a:spLocks noGrp="1"/>
          </p:cNvSpPr>
          <p:nvPr>
            <p:ph type="pic" sz="quarter" idx="13" hasCustomPrompt="1"/>
          </p:nvPr>
        </p:nvSpPr>
        <p:spPr>
          <a:xfrm>
            <a:off x="5535483" y="5539239"/>
            <a:ext cx="2448000" cy="1324800"/>
          </a:xfrm>
          <a:custGeom>
            <a:avLst/>
            <a:gdLst>
              <a:gd name="connsiteX0" fmla="*/ 323860 w 2448000"/>
              <a:gd name="connsiteY0" fmla="*/ 0 h 1324800"/>
              <a:gd name="connsiteX1" fmla="*/ 328009 w 2448000"/>
              <a:gd name="connsiteY1" fmla="*/ 0 h 1324800"/>
              <a:gd name="connsiteX2" fmla="*/ 357050 w 2448000"/>
              <a:gd name="connsiteY2" fmla="*/ 0 h 1324800"/>
              <a:gd name="connsiteX3" fmla="*/ 388684 w 2448000"/>
              <a:gd name="connsiteY3" fmla="*/ 0 h 1324800"/>
              <a:gd name="connsiteX4" fmla="*/ 435875 w 2448000"/>
              <a:gd name="connsiteY4" fmla="*/ 0 h 1324800"/>
              <a:gd name="connsiteX5" fmla="*/ 501736 w 2448000"/>
              <a:gd name="connsiteY5" fmla="*/ 0 h 1324800"/>
              <a:gd name="connsiteX6" fmla="*/ 589378 w 2448000"/>
              <a:gd name="connsiteY6" fmla="*/ 0 h 1324800"/>
              <a:gd name="connsiteX7" fmla="*/ 701912 w 2448000"/>
              <a:gd name="connsiteY7" fmla="*/ 0 h 1324800"/>
              <a:gd name="connsiteX8" fmla="*/ 842449 w 2448000"/>
              <a:gd name="connsiteY8" fmla="*/ 0 h 1324800"/>
              <a:gd name="connsiteX9" fmla="*/ 1014102 w 2448000"/>
              <a:gd name="connsiteY9" fmla="*/ 0 h 1324800"/>
              <a:gd name="connsiteX10" fmla="*/ 1219982 w 2448000"/>
              <a:gd name="connsiteY10" fmla="*/ 0 h 1324800"/>
              <a:gd name="connsiteX11" fmla="*/ 1463200 w 2448000"/>
              <a:gd name="connsiteY11" fmla="*/ 0 h 1324800"/>
              <a:gd name="connsiteX12" fmla="*/ 1746868 w 2448000"/>
              <a:gd name="connsiteY12" fmla="*/ 0 h 1324800"/>
              <a:gd name="connsiteX13" fmla="*/ 2074098 w 2448000"/>
              <a:gd name="connsiteY13" fmla="*/ 0 h 1324800"/>
              <a:gd name="connsiteX14" fmla="*/ 2448000 w 2448000"/>
              <a:gd name="connsiteY14" fmla="*/ 0 h 1324800"/>
              <a:gd name="connsiteX15" fmla="*/ 2448000 w 2448000"/>
              <a:gd name="connsiteY15" fmla="*/ 2591 h 1324800"/>
              <a:gd name="connsiteX16" fmla="*/ 2448000 w 2448000"/>
              <a:gd name="connsiteY16" fmla="*/ 8743 h 1324800"/>
              <a:gd name="connsiteX17" fmla="*/ 2448000 w 2448000"/>
              <a:gd name="connsiteY17" fmla="*/ 20725 h 1324800"/>
              <a:gd name="connsiteX18" fmla="*/ 2448000 w 2448000"/>
              <a:gd name="connsiteY18" fmla="*/ 40478 h 1324800"/>
              <a:gd name="connsiteX19" fmla="*/ 2448000 w 2448000"/>
              <a:gd name="connsiteY19" fmla="*/ 69946 h 1324800"/>
              <a:gd name="connsiteX20" fmla="*/ 2448000 w 2448000"/>
              <a:gd name="connsiteY20" fmla="*/ 111072 h 1324800"/>
              <a:gd name="connsiteX21" fmla="*/ 2448000 w 2448000"/>
              <a:gd name="connsiteY21" fmla="*/ 165799 h 1324800"/>
              <a:gd name="connsiteX22" fmla="*/ 2448000 w 2448000"/>
              <a:gd name="connsiteY22" fmla="*/ 236069 h 1324800"/>
              <a:gd name="connsiteX23" fmla="*/ 2448000 w 2448000"/>
              <a:gd name="connsiteY23" fmla="*/ 323825 h 1324800"/>
              <a:gd name="connsiteX24" fmla="*/ 2448000 w 2448000"/>
              <a:gd name="connsiteY24" fmla="*/ 431011 h 1324800"/>
              <a:gd name="connsiteX25" fmla="*/ 2448000 w 2448000"/>
              <a:gd name="connsiteY25" fmla="*/ 559570 h 1324800"/>
              <a:gd name="connsiteX26" fmla="*/ 2448000 w 2448000"/>
              <a:gd name="connsiteY26" fmla="*/ 711444 h 1324800"/>
              <a:gd name="connsiteX27" fmla="*/ 2448000 w 2448000"/>
              <a:gd name="connsiteY27" fmla="*/ 888576 h 1324800"/>
              <a:gd name="connsiteX28" fmla="*/ 2448000 w 2448000"/>
              <a:gd name="connsiteY28" fmla="*/ 1092909 h 1324800"/>
              <a:gd name="connsiteX29" fmla="*/ 2448000 w 2448000"/>
              <a:gd name="connsiteY29" fmla="*/ 1205884 h 1324800"/>
              <a:gd name="connsiteX30" fmla="*/ 2448000 w 2448000"/>
              <a:gd name="connsiteY30" fmla="*/ 1324800 h 1324800"/>
              <a:gd name="connsiteX31" fmla="*/ 0 w 2448000"/>
              <a:gd name="connsiteY31" fmla="*/ 1324800 h 1324800"/>
              <a:gd name="connsiteX32" fmla="*/ 0 w 2448000"/>
              <a:gd name="connsiteY32" fmla="*/ 1324438 h 1324800"/>
              <a:gd name="connsiteX33" fmla="*/ 0 w 2448000"/>
              <a:gd name="connsiteY33" fmla="*/ 1310794 h 1324800"/>
              <a:gd name="connsiteX34" fmla="*/ 0 w 2448000"/>
              <a:gd name="connsiteY34" fmla="*/ 1295931 h 1324800"/>
              <a:gd name="connsiteX35" fmla="*/ 0 w 2448000"/>
              <a:gd name="connsiteY35" fmla="*/ 1273759 h 1324800"/>
              <a:gd name="connsiteX36" fmla="*/ 0 w 2448000"/>
              <a:gd name="connsiteY36" fmla="*/ 1242816 h 1324800"/>
              <a:gd name="connsiteX37" fmla="*/ 0 w 2448000"/>
              <a:gd name="connsiteY37" fmla="*/ 1201640 h 1324800"/>
              <a:gd name="connsiteX38" fmla="*/ 0 w 2448000"/>
              <a:gd name="connsiteY38" fmla="*/ 1148768 h 1324800"/>
              <a:gd name="connsiteX39" fmla="*/ 0 w 2448000"/>
              <a:gd name="connsiteY39" fmla="*/ 1082740 h 1324800"/>
              <a:gd name="connsiteX40" fmla="*/ 0 w 2448000"/>
              <a:gd name="connsiteY40" fmla="*/ 1002093 h 1324800"/>
              <a:gd name="connsiteX41" fmla="*/ 0 w 2448000"/>
              <a:gd name="connsiteY41" fmla="*/ 905365 h 1324800"/>
              <a:gd name="connsiteX42" fmla="*/ 0 w 2448000"/>
              <a:gd name="connsiteY42" fmla="*/ 791094 h 1324800"/>
              <a:gd name="connsiteX43" fmla="*/ 0 w 2448000"/>
              <a:gd name="connsiteY43" fmla="*/ 657819 h 1324800"/>
              <a:gd name="connsiteX44" fmla="*/ 0 w 2448000"/>
              <a:gd name="connsiteY44" fmla="*/ 504078 h 1324800"/>
              <a:gd name="connsiteX45" fmla="*/ 0 w 2448000"/>
              <a:gd name="connsiteY45" fmla="*/ 328408 h 1324800"/>
              <a:gd name="connsiteX46" fmla="*/ 323860 w 2448000"/>
              <a:gd name="connsiteY46" fmla="*/ 0 h 1324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</a:cxnLst>
            <a:rect l="l" t="t" r="r" b="b"/>
            <a:pathLst>
              <a:path w="2448000" h="1324800">
                <a:moveTo>
                  <a:pt x="323860" y="0"/>
                </a:moveTo>
                <a:lnTo>
                  <a:pt x="328009" y="0"/>
                </a:lnTo>
                <a:lnTo>
                  <a:pt x="357050" y="0"/>
                </a:lnTo>
                <a:lnTo>
                  <a:pt x="388684" y="0"/>
                </a:lnTo>
                <a:lnTo>
                  <a:pt x="435875" y="0"/>
                </a:lnTo>
                <a:lnTo>
                  <a:pt x="501736" y="0"/>
                </a:lnTo>
                <a:lnTo>
                  <a:pt x="589378" y="0"/>
                </a:lnTo>
                <a:lnTo>
                  <a:pt x="701912" y="0"/>
                </a:lnTo>
                <a:lnTo>
                  <a:pt x="842449" y="0"/>
                </a:lnTo>
                <a:lnTo>
                  <a:pt x="1014102" y="0"/>
                </a:lnTo>
                <a:lnTo>
                  <a:pt x="1219982" y="0"/>
                </a:lnTo>
                <a:lnTo>
                  <a:pt x="1463200" y="0"/>
                </a:lnTo>
                <a:lnTo>
                  <a:pt x="1746868" y="0"/>
                </a:lnTo>
                <a:lnTo>
                  <a:pt x="2074098" y="0"/>
                </a:lnTo>
                <a:lnTo>
                  <a:pt x="2448000" y="0"/>
                </a:lnTo>
                <a:lnTo>
                  <a:pt x="2448000" y="2591"/>
                </a:lnTo>
                <a:lnTo>
                  <a:pt x="2448000" y="8743"/>
                </a:lnTo>
                <a:lnTo>
                  <a:pt x="2448000" y="20725"/>
                </a:lnTo>
                <a:lnTo>
                  <a:pt x="2448000" y="40478"/>
                </a:lnTo>
                <a:lnTo>
                  <a:pt x="2448000" y="69946"/>
                </a:lnTo>
                <a:lnTo>
                  <a:pt x="2448000" y="111072"/>
                </a:lnTo>
                <a:lnTo>
                  <a:pt x="2448000" y="165799"/>
                </a:lnTo>
                <a:lnTo>
                  <a:pt x="2448000" y="236069"/>
                </a:lnTo>
                <a:lnTo>
                  <a:pt x="2448000" y="323825"/>
                </a:lnTo>
                <a:lnTo>
                  <a:pt x="2448000" y="431011"/>
                </a:lnTo>
                <a:lnTo>
                  <a:pt x="2448000" y="559570"/>
                </a:lnTo>
                <a:lnTo>
                  <a:pt x="2448000" y="711444"/>
                </a:lnTo>
                <a:lnTo>
                  <a:pt x="2448000" y="888576"/>
                </a:lnTo>
                <a:lnTo>
                  <a:pt x="2448000" y="1092909"/>
                </a:lnTo>
                <a:lnTo>
                  <a:pt x="2448000" y="1205884"/>
                </a:lnTo>
                <a:lnTo>
                  <a:pt x="2448000" y="1324800"/>
                </a:lnTo>
                <a:lnTo>
                  <a:pt x="0" y="1324800"/>
                </a:lnTo>
                <a:lnTo>
                  <a:pt x="0" y="1324438"/>
                </a:lnTo>
                <a:lnTo>
                  <a:pt x="0" y="1310794"/>
                </a:lnTo>
                <a:lnTo>
                  <a:pt x="0" y="1295931"/>
                </a:lnTo>
                <a:lnTo>
                  <a:pt x="0" y="1273759"/>
                </a:lnTo>
                <a:lnTo>
                  <a:pt x="0" y="1242816"/>
                </a:lnTo>
                <a:lnTo>
                  <a:pt x="0" y="1201640"/>
                </a:lnTo>
                <a:lnTo>
                  <a:pt x="0" y="1148768"/>
                </a:lnTo>
                <a:lnTo>
                  <a:pt x="0" y="1082740"/>
                </a:lnTo>
                <a:lnTo>
                  <a:pt x="0" y="1002093"/>
                </a:lnTo>
                <a:lnTo>
                  <a:pt x="0" y="905365"/>
                </a:lnTo>
                <a:lnTo>
                  <a:pt x="0" y="791094"/>
                </a:lnTo>
                <a:lnTo>
                  <a:pt x="0" y="657819"/>
                </a:lnTo>
                <a:lnTo>
                  <a:pt x="0" y="504078"/>
                </a:lnTo>
                <a:lnTo>
                  <a:pt x="0" y="328408"/>
                </a:lnTo>
                <a:cubicBezTo>
                  <a:pt x="127004" y="200871"/>
                  <a:pt x="196856" y="127537"/>
                  <a:pt x="323860" y="0"/>
                </a:cubicBezTo>
                <a:close/>
              </a:path>
            </a:pathLst>
          </a:custGeom>
          <a:noFill/>
          <a:ln>
            <a:noFill/>
          </a:ln>
        </p:spPr>
        <p:txBody>
          <a:bodyPr wrap="square" tIns="0" bIns="36000" anchor="b" anchorCtr="0">
            <a:noAutofit/>
          </a:bodyPr>
          <a:lstStyle>
            <a:lvl1pPr marL="0" indent="0" algn="ctr">
              <a:buFontTx/>
              <a:buNone/>
              <a:defRPr sz="1400">
                <a:solidFill>
                  <a:schemeClr val="bg2"/>
                </a:solidFill>
              </a:defRPr>
            </a:lvl1pPr>
          </a:lstStyle>
          <a:p>
            <a:r>
              <a:rPr lang="da-DK" noProof="0" dirty="0"/>
              <a:t>Klik på denne pladsholder og indsæt billede via Skyfish</a:t>
            </a:r>
          </a:p>
        </p:txBody>
      </p:sp>
      <p:sp>
        <p:nvSpPr>
          <p:cNvPr id="16" name="Picture Placeholder 5"/>
          <p:cNvSpPr>
            <a:spLocks noGrp="1"/>
          </p:cNvSpPr>
          <p:nvPr>
            <p:ph type="pic" sz="quarter" idx="14" hasCustomPrompt="1"/>
          </p:nvPr>
        </p:nvSpPr>
        <p:spPr>
          <a:xfrm>
            <a:off x="8199472" y="2872800"/>
            <a:ext cx="2448000" cy="2448000"/>
          </a:xfrm>
          <a:noFill/>
          <a:ln>
            <a:noFill/>
          </a:ln>
        </p:spPr>
        <p:txBody>
          <a:bodyPr tIns="180000" anchor="t" anchorCtr="0"/>
          <a:lstStyle>
            <a:lvl1pPr marL="0" indent="0" algn="ctr">
              <a:buNone/>
              <a:defRPr sz="1600">
                <a:solidFill>
                  <a:schemeClr val="bg2"/>
                </a:solidFill>
              </a:defRPr>
            </a:lvl1pPr>
          </a:lstStyle>
          <a:p>
            <a:r>
              <a:rPr lang="da-DK" noProof="0" dirty="0"/>
              <a:t>Klik på denne pladsholder og indsæt billede via Skyfish</a:t>
            </a:r>
          </a:p>
        </p:txBody>
      </p:sp>
      <p:sp>
        <p:nvSpPr>
          <p:cNvPr id="27" name="Bogstav A"/>
          <p:cNvSpPr/>
          <p:nvPr userDrawn="1"/>
        </p:nvSpPr>
        <p:spPr>
          <a:xfrm>
            <a:off x="10868302" y="2872800"/>
            <a:ext cx="1323997" cy="2448000"/>
          </a:xfrm>
          <a:custGeom>
            <a:avLst/>
            <a:gdLst>
              <a:gd name="connsiteX0" fmla="*/ 327817 w 1323997"/>
              <a:gd name="connsiteY0" fmla="*/ 0 h 2448000"/>
              <a:gd name="connsiteX1" fmla="*/ 329762 w 1323997"/>
              <a:gd name="connsiteY1" fmla="*/ 0 h 2448000"/>
              <a:gd name="connsiteX2" fmla="*/ 343382 w 1323997"/>
              <a:gd name="connsiteY2" fmla="*/ 0 h 2448000"/>
              <a:gd name="connsiteX3" fmla="*/ 358218 w 1323997"/>
              <a:gd name="connsiteY3" fmla="*/ 0 h 2448000"/>
              <a:gd name="connsiteX4" fmla="*/ 380350 w 1323997"/>
              <a:gd name="connsiteY4" fmla="*/ 0 h 2448000"/>
              <a:gd name="connsiteX5" fmla="*/ 411237 w 1323997"/>
              <a:gd name="connsiteY5" fmla="*/ 0 h 2448000"/>
              <a:gd name="connsiteX6" fmla="*/ 452339 w 1323997"/>
              <a:gd name="connsiteY6" fmla="*/ 0 h 2448000"/>
              <a:gd name="connsiteX7" fmla="*/ 505115 w 1323997"/>
              <a:gd name="connsiteY7" fmla="*/ 0 h 2448000"/>
              <a:gd name="connsiteX8" fmla="*/ 571025 w 1323997"/>
              <a:gd name="connsiteY8" fmla="*/ 0 h 2448000"/>
              <a:gd name="connsiteX9" fmla="*/ 651527 w 1323997"/>
              <a:gd name="connsiteY9" fmla="*/ 0 h 2448000"/>
              <a:gd name="connsiteX10" fmla="*/ 748080 w 1323997"/>
              <a:gd name="connsiteY10" fmla="*/ 0 h 2448000"/>
              <a:gd name="connsiteX11" fmla="*/ 862145 w 1323997"/>
              <a:gd name="connsiteY11" fmla="*/ 0 h 2448000"/>
              <a:gd name="connsiteX12" fmla="*/ 995180 w 1323997"/>
              <a:gd name="connsiteY12" fmla="*/ 0 h 2448000"/>
              <a:gd name="connsiteX13" fmla="*/ 1148644 w 1323997"/>
              <a:gd name="connsiteY13" fmla="*/ 0 h 2448000"/>
              <a:gd name="connsiteX14" fmla="*/ 1323997 w 1323997"/>
              <a:gd name="connsiteY14" fmla="*/ 0 h 2448000"/>
              <a:gd name="connsiteX15" fmla="*/ 1323997 w 1323997"/>
              <a:gd name="connsiteY15" fmla="*/ 612794 h 2448000"/>
              <a:gd name="connsiteX16" fmla="*/ 900700 w 1323997"/>
              <a:gd name="connsiteY16" fmla="*/ 612794 h 2448000"/>
              <a:gd name="connsiteX17" fmla="*/ 900700 w 1323997"/>
              <a:gd name="connsiteY17" fmla="*/ 1225588 h 2448000"/>
              <a:gd name="connsiteX18" fmla="*/ 1323997 w 1323997"/>
              <a:gd name="connsiteY18" fmla="*/ 1225588 h 2448000"/>
              <a:gd name="connsiteX19" fmla="*/ 1323997 w 1323997"/>
              <a:gd name="connsiteY19" fmla="*/ 1835206 h 2448000"/>
              <a:gd name="connsiteX20" fmla="*/ 900700 w 1323997"/>
              <a:gd name="connsiteY20" fmla="*/ 1835206 h 2448000"/>
              <a:gd name="connsiteX21" fmla="*/ 900700 w 1323997"/>
              <a:gd name="connsiteY21" fmla="*/ 2448000 h 2448000"/>
              <a:gd name="connsiteX22" fmla="*/ 898941 w 1323997"/>
              <a:gd name="connsiteY22" fmla="*/ 2448000 h 2448000"/>
              <a:gd name="connsiteX23" fmla="*/ 886627 w 1323997"/>
              <a:gd name="connsiteY23" fmla="*/ 2448000 h 2448000"/>
              <a:gd name="connsiteX24" fmla="*/ 873213 w 1323997"/>
              <a:gd name="connsiteY24" fmla="*/ 2448000 h 2448000"/>
              <a:gd name="connsiteX25" fmla="*/ 853202 w 1323997"/>
              <a:gd name="connsiteY25" fmla="*/ 2448000 h 2448000"/>
              <a:gd name="connsiteX26" fmla="*/ 825275 w 1323997"/>
              <a:gd name="connsiteY26" fmla="*/ 2448000 h 2448000"/>
              <a:gd name="connsiteX27" fmla="*/ 788113 w 1323997"/>
              <a:gd name="connsiteY27" fmla="*/ 2448000 h 2448000"/>
              <a:gd name="connsiteX28" fmla="*/ 740395 w 1323997"/>
              <a:gd name="connsiteY28" fmla="*/ 2448000 h 2448000"/>
              <a:gd name="connsiteX29" fmla="*/ 680803 w 1323997"/>
              <a:gd name="connsiteY29" fmla="*/ 2448000 h 2448000"/>
              <a:gd name="connsiteX30" fmla="*/ 608017 w 1323997"/>
              <a:gd name="connsiteY30" fmla="*/ 2448000 h 2448000"/>
              <a:gd name="connsiteX31" fmla="*/ 520717 w 1323997"/>
              <a:gd name="connsiteY31" fmla="*/ 2448000 h 2448000"/>
              <a:gd name="connsiteX32" fmla="*/ 417586 w 1323997"/>
              <a:gd name="connsiteY32" fmla="*/ 2448000 h 2448000"/>
              <a:gd name="connsiteX33" fmla="*/ 297302 w 1323997"/>
              <a:gd name="connsiteY33" fmla="*/ 2448000 h 2448000"/>
              <a:gd name="connsiteX34" fmla="*/ 158546 w 1323997"/>
              <a:gd name="connsiteY34" fmla="*/ 2448000 h 2448000"/>
              <a:gd name="connsiteX35" fmla="*/ 0 w 1323997"/>
              <a:gd name="connsiteY35" fmla="*/ 2448000 h 2448000"/>
              <a:gd name="connsiteX36" fmla="*/ 0 w 1323997"/>
              <a:gd name="connsiteY36" fmla="*/ 2443857 h 2448000"/>
              <a:gd name="connsiteX37" fmla="*/ 0 w 1323997"/>
              <a:gd name="connsiteY37" fmla="*/ 2414860 h 2448000"/>
              <a:gd name="connsiteX38" fmla="*/ 0 w 1323997"/>
              <a:gd name="connsiteY38" fmla="*/ 2383273 h 2448000"/>
              <a:gd name="connsiteX39" fmla="*/ 0 w 1323997"/>
              <a:gd name="connsiteY39" fmla="*/ 2336152 h 2448000"/>
              <a:gd name="connsiteX40" fmla="*/ 0 w 1323997"/>
              <a:gd name="connsiteY40" fmla="*/ 2270390 h 2448000"/>
              <a:gd name="connsiteX41" fmla="*/ 0 w 1323997"/>
              <a:gd name="connsiteY41" fmla="*/ 2182879 h 2448000"/>
              <a:gd name="connsiteX42" fmla="*/ 0 w 1323997"/>
              <a:gd name="connsiteY42" fmla="*/ 2070514 h 2448000"/>
              <a:gd name="connsiteX43" fmla="*/ 0 w 1323997"/>
              <a:gd name="connsiteY43" fmla="*/ 1930186 h 2448000"/>
              <a:gd name="connsiteX44" fmla="*/ 0 w 1323997"/>
              <a:gd name="connsiteY44" fmla="*/ 1758790 h 2448000"/>
              <a:gd name="connsiteX45" fmla="*/ 0 w 1323997"/>
              <a:gd name="connsiteY45" fmla="*/ 1553218 h 2448000"/>
              <a:gd name="connsiteX46" fmla="*/ 0 w 1323997"/>
              <a:gd name="connsiteY46" fmla="*/ 1310363 h 2448000"/>
              <a:gd name="connsiteX47" fmla="*/ 0 w 1323997"/>
              <a:gd name="connsiteY47" fmla="*/ 1027119 h 2448000"/>
              <a:gd name="connsiteX48" fmla="*/ 0 w 1323997"/>
              <a:gd name="connsiteY48" fmla="*/ 700379 h 2448000"/>
              <a:gd name="connsiteX49" fmla="*/ 0 w 1323997"/>
              <a:gd name="connsiteY49" fmla="*/ 327035 h 2448000"/>
              <a:gd name="connsiteX50" fmla="*/ 327817 w 1323997"/>
              <a:gd name="connsiteY50" fmla="*/ 0 h 244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</a:cxnLst>
            <a:rect l="l" t="t" r="r" b="b"/>
            <a:pathLst>
              <a:path w="1323997" h="2448000">
                <a:moveTo>
                  <a:pt x="327817" y="0"/>
                </a:moveTo>
                <a:lnTo>
                  <a:pt x="329762" y="0"/>
                </a:lnTo>
                <a:lnTo>
                  <a:pt x="343382" y="0"/>
                </a:lnTo>
                <a:lnTo>
                  <a:pt x="358218" y="0"/>
                </a:lnTo>
                <a:lnTo>
                  <a:pt x="380350" y="0"/>
                </a:lnTo>
                <a:lnTo>
                  <a:pt x="411237" y="0"/>
                </a:lnTo>
                <a:lnTo>
                  <a:pt x="452339" y="0"/>
                </a:lnTo>
                <a:lnTo>
                  <a:pt x="505115" y="0"/>
                </a:lnTo>
                <a:lnTo>
                  <a:pt x="571025" y="0"/>
                </a:lnTo>
                <a:lnTo>
                  <a:pt x="651527" y="0"/>
                </a:lnTo>
                <a:lnTo>
                  <a:pt x="748080" y="0"/>
                </a:lnTo>
                <a:lnTo>
                  <a:pt x="862145" y="0"/>
                </a:lnTo>
                <a:lnTo>
                  <a:pt x="995180" y="0"/>
                </a:lnTo>
                <a:lnTo>
                  <a:pt x="1148644" y="0"/>
                </a:lnTo>
                <a:lnTo>
                  <a:pt x="1323997" y="0"/>
                </a:lnTo>
                <a:cubicBezTo>
                  <a:pt x="1323997" y="0"/>
                  <a:pt x="1323997" y="0"/>
                  <a:pt x="1323997" y="612794"/>
                </a:cubicBezTo>
                <a:cubicBezTo>
                  <a:pt x="1323997" y="612794"/>
                  <a:pt x="1323997" y="612794"/>
                  <a:pt x="900700" y="612794"/>
                </a:cubicBezTo>
                <a:cubicBezTo>
                  <a:pt x="900700" y="612794"/>
                  <a:pt x="900700" y="612794"/>
                  <a:pt x="900700" y="1225588"/>
                </a:cubicBezTo>
                <a:lnTo>
                  <a:pt x="1323997" y="1225588"/>
                </a:lnTo>
                <a:cubicBezTo>
                  <a:pt x="1323997" y="1225588"/>
                  <a:pt x="1323997" y="1225588"/>
                  <a:pt x="1323997" y="1835206"/>
                </a:cubicBezTo>
                <a:cubicBezTo>
                  <a:pt x="1323997" y="1835206"/>
                  <a:pt x="1323997" y="1835206"/>
                  <a:pt x="900700" y="1835206"/>
                </a:cubicBezTo>
                <a:cubicBezTo>
                  <a:pt x="900700" y="1835206"/>
                  <a:pt x="900700" y="1835206"/>
                  <a:pt x="900700" y="2448000"/>
                </a:cubicBezTo>
                <a:lnTo>
                  <a:pt x="898941" y="2448000"/>
                </a:lnTo>
                <a:lnTo>
                  <a:pt x="886627" y="2448000"/>
                </a:lnTo>
                <a:lnTo>
                  <a:pt x="873213" y="2448000"/>
                </a:lnTo>
                <a:lnTo>
                  <a:pt x="853202" y="2448000"/>
                </a:lnTo>
                <a:lnTo>
                  <a:pt x="825275" y="2448000"/>
                </a:lnTo>
                <a:lnTo>
                  <a:pt x="788113" y="2448000"/>
                </a:lnTo>
                <a:lnTo>
                  <a:pt x="740395" y="2448000"/>
                </a:lnTo>
                <a:lnTo>
                  <a:pt x="680803" y="2448000"/>
                </a:lnTo>
                <a:lnTo>
                  <a:pt x="608017" y="2448000"/>
                </a:lnTo>
                <a:lnTo>
                  <a:pt x="520717" y="2448000"/>
                </a:lnTo>
                <a:lnTo>
                  <a:pt x="417586" y="2448000"/>
                </a:lnTo>
                <a:lnTo>
                  <a:pt x="297302" y="2448000"/>
                </a:lnTo>
                <a:lnTo>
                  <a:pt x="158546" y="2448000"/>
                </a:lnTo>
                <a:lnTo>
                  <a:pt x="0" y="2448000"/>
                </a:lnTo>
                <a:lnTo>
                  <a:pt x="0" y="2443857"/>
                </a:lnTo>
                <a:lnTo>
                  <a:pt x="0" y="2414860"/>
                </a:lnTo>
                <a:lnTo>
                  <a:pt x="0" y="2383273"/>
                </a:lnTo>
                <a:lnTo>
                  <a:pt x="0" y="2336152"/>
                </a:lnTo>
                <a:lnTo>
                  <a:pt x="0" y="2270390"/>
                </a:lnTo>
                <a:lnTo>
                  <a:pt x="0" y="2182879"/>
                </a:lnTo>
                <a:lnTo>
                  <a:pt x="0" y="2070514"/>
                </a:lnTo>
                <a:lnTo>
                  <a:pt x="0" y="1930186"/>
                </a:lnTo>
                <a:lnTo>
                  <a:pt x="0" y="1758790"/>
                </a:lnTo>
                <a:lnTo>
                  <a:pt x="0" y="1553218"/>
                </a:lnTo>
                <a:lnTo>
                  <a:pt x="0" y="1310363"/>
                </a:lnTo>
                <a:lnTo>
                  <a:pt x="0" y="1027119"/>
                </a:lnTo>
                <a:lnTo>
                  <a:pt x="0" y="700379"/>
                </a:lnTo>
                <a:lnTo>
                  <a:pt x="0" y="327035"/>
                </a:lnTo>
                <a:cubicBezTo>
                  <a:pt x="127308" y="200031"/>
                  <a:pt x="200509" y="127004"/>
                  <a:pt x="327817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>
          <a:xfrm>
            <a:off x="755649" y="5963881"/>
            <a:ext cx="4564800" cy="180000"/>
          </a:xfrm>
          <a:prstGeom prst="rect">
            <a:avLst/>
          </a:prstGeom>
        </p:spPr>
        <p:txBody>
          <a:bodyPr/>
          <a:lstStyle>
            <a:lvl1pPr rtl="0">
              <a:defRPr sz="1600">
                <a:solidFill>
                  <a:schemeClr val="bg2"/>
                </a:solidFill>
              </a:defRPr>
            </a:lvl1pPr>
          </a:lstStyle>
          <a:p>
            <a:fld id="{A564B39A-844A-43C5-9F2D-26F589F9F649}" type="datetime2">
              <a:rPr lang="da-DK" smtClean="0"/>
              <a:pPr/>
              <a:t>27. november 2024</a:t>
            </a:fld>
            <a:endParaRPr lang="da-DK" dirty="0"/>
          </a:p>
        </p:txBody>
      </p:sp>
      <p:sp>
        <p:nvSpPr>
          <p:cNvPr id="15" name="Slide Number Placeholder 5" hidden="1"/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" b="1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fld id="{24C8C45C-947F-4981-8B3F-4F32E973C901}" type="slidenum">
              <a:rPr lang="da-DK" smtClean="0"/>
              <a:pPr rtl="0"/>
              <a:t>‹nr.›</a:t>
            </a:fld>
            <a:endParaRPr lang="da-DK" dirty="0"/>
          </a:p>
        </p:txBody>
      </p:sp>
      <p:sp>
        <p:nvSpPr>
          <p:cNvPr id="17" name="Footer Placeholder 4" hidden="1"/>
          <p:cNvSpPr>
            <a:spLocks noGrp="1"/>
          </p:cNvSpPr>
          <p:nvPr>
            <p:ph type="ftr" sz="quarter" idx="3"/>
          </p:nvPr>
        </p:nvSpPr>
        <p:spPr>
          <a:xfrm>
            <a:off x="0" y="70644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billederne udskiftes. </a:t>
            </a:r>
          </a:p>
        </p:txBody>
      </p:sp>
      <p:pic>
        <p:nvPicPr>
          <p:cNvPr id="19" name="Logo navn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809164" y="398179"/>
            <a:ext cx="1051199" cy="14855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224251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487" userDrawn="1">
          <p15:clr>
            <a:srgbClr val="000000"/>
          </p15:clr>
        </p15:guide>
        <p15:guide id="2" orient="horz" pos="1809" userDrawn="1">
          <p15:clr>
            <a:srgbClr val="00000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, indhold og ik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540801" y="1989056"/>
            <a:ext cx="5112000" cy="4112944"/>
          </a:xfrm>
        </p:spPr>
        <p:txBody>
          <a:bodyPr/>
          <a:lstStyle/>
          <a:p>
            <a:pPr lvl="0"/>
            <a:r>
              <a:rPr lang="da-DK" noProof="0" dirty="0"/>
              <a:t>Edit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0" name="Content Placeholder 3"/>
          <p:cNvSpPr>
            <a:spLocks noGrp="1"/>
          </p:cNvSpPr>
          <p:nvPr>
            <p:ph sz="quarter" idx="18" hasCustomPrompt="1"/>
          </p:nvPr>
        </p:nvSpPr>
        <p:spPr>
          <a:xfrm>
            <a:off x="7346400" y="1987550"/>
            <a:ext cx="4392000" cy="4393506"/>
          </a:xfrm>
        </p:spPr>
        <p:txBody>
          <a:bodyPr/>
          <a:lstStyle>
            <a:lvl1pPr marL="0" indent="0">
              <a:buNone/>
              <a:defRPr sz="1400"/>
            </a:lvl1pPr>
          </a:lstStyle>
          <a:p>
            <a:pPr lvl="0"/>
            <a:r>
              <a:rPr lang="da-DK" dirty="0"/>
              <a:t>Klik på denne pladsholder og indsæt ikon via Skyfish</a:t>
            </a:r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06A73BF-020B-417D-A09B-710E77019837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TextBox 10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graﬁkken udskiftes. </a:t>
            </a:r>
          </a:p>
        </p:txBody>
      </p:sp>
    </p:spTree>
    <p:extLst>
      <p:ext uri="{BB962C8B-B14F-4D97-AF65-F5344CB8AC3E}">
        <p14:creationId xmlns:p14="http://schemas.microsoft.com/office/powerpoint/2010/main" val="319034424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ort billede, rødt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0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1">
              <a:lumMod val="85000"/>
            </a:schemeClr>
          </a:solidFill>
        </p:spPr>
        <p:txBody>
          <a:bodyPr lIns="144000" tIns="180000" bIns="0" anchor="t" anchorCtr="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denne pladsholder og indsæt billede via Skyfish</a:t>
            </a:r>
          </a:p>
        </p:txBody>
      </p:sp>
      <p:sp>
        <p:nvSpPr>
          <p:cNvPr id="19" name="Titel 1"/>
          <p:cNvSpPr>
            <a:spLocks noGrp="1"/>
          </p:cNvSpPr>
          <p:nvPr>
            <p:ph type="ctrTitle"/>
          </p:nvPr>
        </p:nvSpPr>
        <p:spPr>
          <a:xfrm>
            <a:off x="1539875" y="2873905"/>
            <a:ext cx="3779700" cy="3780000"/>
          </a:xfrm>
          <a:custGeom>
            <a:avLst/>
            <a:gdLst>
              <a:gd name="connsiteX0" fmla="*/ 0 w 5112000"/>
              <a:gd name="connsiteY0" fmla="*/ 0 h 5115107"/>
              <a:gd name="connsiteX1" fmla="*/ 464430 w 5112000"/>
              <a:gd name="connsiteY1" fmla="*/ 0 h 5115107"/>
              <a:gd name="connsiteX2" fmla="*/ 899842 w 5112000"/>
              <a:gd name="connsiteY2" fmla="*/ 0 h 5115107"/>
              <a:gd name="connsiteX3" fmla="*/ 1307173 w 5112000"/>
              <a:gd name="connsiteY3" fmla="*/ 0 h 5115107"/>
              <a:gd name="connsiteX4" fmla="*/ 1687360 w 5112000"/>
              <a:gd name="connsiteY4" fmla="*/ 0 h 5115107"/>
              <a:gd name="connsiteX5" fmla="*/ 2041337 w 5112000"/>
              <a:gd name="connsiteY5" fmla="*/ 0 h 5115107"/>
              <a:gd name="connsiteX6" fmla="*/ 2370041 w 5112000"/>
              <a:gd name="connsiteY6" fmla="*/ 0 h 5115107"/>
              <a:gd name="connsiteX7" fmla="*/ 2674409 w 5112000"/>
              <a:gd name="connsiteY7" fmla="*/ 0 h 5115107"/>
              <a:gd name="connsiteX8" fmla="*/ 2955375 w 5112000"/>
              <a:gd name="connsiteY8" fmla="*/ 0 h 5115107"/>
              <a:gd name="connsiteX9" fmla="*/ 3213877 w 5112000"/>
              <a:gd name="connsiteY9" fmla="*/ 0 h 5115107"/>
              <a:gd name="connsiteX10" fmla="*/ 3450850 w 5112000"/>
              <a:gd name="connsiteY10" fmla="*/ 0 h 5115107"/>
              <a:gd name="connsiteX11" fmla="*/ 3667230 w 5112000"/>
              <a:gd name="connsiteY11" fmla="*/ 0 h 5115107"/>
              <a:gd name="connsiteX12" fmla="*/ 3863953 w 5112000"/>
              <a:gd name="connsiteY12" fmla="*/ 0 h 5115107"/>
              <a:gd name="connsiteX13" fmla="*/ 4041956 w 5112000"/>
              <a:gd name="connsiteY13" fmla="*/ 0 h 5115107"/>
              <a:gd name="connsiteX14" fmla="*/ 4202174 w 5112000"/>
              <a:gd name="connsiteY14" fmla="*/ 0 h 5115107"/>
              <a:gd name="connsiteX15" fmla="*/ 4345543 w 5112000"/>
              <a:gd name="connsiteY15" fmla="*/ 0 h 5115107"/>
              <a:gd name="connsiteX16" fmla="*/ 4473000 w 5112000"/>
              <a:gd name="connsiteY16" fmla="*/ 0 h 5115107"/>
              <a:gd name="connsiteX17" fmla="*/ 4585480 w 5112000"/>
              <a:gd name="connsiteY17" fmla="*/ 0 h 5115107"/>
              <a:gd name="connsiteX18" fmla="*/ 4683920 w 5112000"/>
              <a:gd name="connsiteY18" fmla="*/ 0 h 5115107"/>
              <a:gd name="connsiteX19" fmla="*/ 4769255 w 5112000"/>
              <a:gd name="connsiteY19" fmla="*/ 0 h 5115107"/>
              <a:gd name="connsiteX20" fmla="*/ 4842422 w 5112000"/>
              <a:gd name="connsiteY20" fmla="*/ 0 h 5115107"/>
              <a:gd name="connsiteX21" fmla="*/ 4904356 w 5112000"/>
              <a:gd name="connsiteY21" fmla="*/ 0 h 5115107"/>
              <a:gd name="connsiteX22" fmla="*/ 4955994 w 5112000"/>
              <a:gd name="connsiteY22" fmla="*/ 0 h 5115107"/>
              <a:gd name="connsiteX23" fmla="*/ 4998272 w 5112000"/>
              <a:gd name="connsiteY23" fmla="*/ 0 h 5115107"/>
              <a:gd name="connsiteX24" fmla="*/ 5032125 w 5112000"/>
              <a:gd name="connsiteY24" fmla="*/ 0 h 5115107"/>
              <a:gd name="connsiteX25" fmla="*/ 5078303 w 5112000"/>
              <a:gd name="connsiteY25" fmla="*/ 0 h 5115107"/>
              <a:gd name="connsiteX26" fmla="*/ 5102016 w 5112000"/>
              <a:gd name="connsiteY26" fmla="*/ 0 h 5115107"/>
              <a:gd name="connsiteX27" fmla="*/ 5110752 w 5112000"/>
              <a:gd name="connsiteY27" fmla="*/ 0 h 5115107"/>
              <a:gd name="connsiteX28" fmla="*/ 5112000 w 5112000"/>
              <a:gd name="connsiteY28" fmla="*/ 0 h 5115107"/>
              <a:gd name="connsiteX29" fmla="*/ 5112000 w 5112000"/>
              <a:gd name="connsiteY29" fmla="*/ 402943 h 5115107"/>
              <a:gd name="connsiteX30" fmla="*/ 5112000 w 5112000"/>
              <a:gd name="connsiteY30" fmla="*/ 780710 h 5115107"/>
              <a:gd name="connsiteX31" fmla="*/ 5112000 w 5112000"/>
              <a:gd name="connsiteY31" fmla="*/ 1134114 h 5115107"/>
              <a:gd name="connsiteX32" fmla="*/ 5112000 w 5112000"/>
              <a:gd name="connsiteY32" fmla="*/ 1463966 h 5115107"/>
              <a:gd name="connsiteX33" fmla="*/ 5112000 w 5112000"/>
              <a:gd name="connsiteY33" fmla="*/ 1771080 h 5115107"/>
              <a:gd name="connsiteX34" fmla="*/ 5112000 w 5112000"/>
              <a:gd name="connsiteY34" fmla="*/ 2056266 h 5115107"/>
              <a:gd name="connsiteX35" fmla="*/ 5112000 w 5112000"/>
              <a:gd name="connsiteY35" fmla="*/ 2320338 h 5115107"/>
              <a:gd name="connsiteX36" fmla="*/ 5112000 w 5112000"/>
              <a:gd name="connsiteY36" fmla="*/ 2564106 h 5115107"/>
              <a:gd name="connsiteX37" fmla="*/ 5112000 w 5112000"/>
              <a:gd name="connsiteY37" fmla="*/ 2788385 h 5115107"/>
              <a:gd name="connsiteX38" fmla="*/ 5112000 w 5112000"/>
              <a:gd name="connsiteY38" fmla="*/ 2993984 h 5115107"/>
              <a:gd name="connsiteX39" fmla="*/ 5112000 w 5112000"/>
              <a:gd name="connsiteY39" fmla="*/ 3181717 h 5115107"/>
              <a:gd name="connsiteX40" fmla="*/ 5112000 w 5112000"/>
              <a:gd name="connsiteY40" fmla="*/ 3352396 h 5115107"/>
              <a:gd name="connsiteX41" fmla="*/ 5112000 w 5112000"/>
              <a:gd name="connsiteY41" fmla="*/ 3506832 h 5115107"/>
              <a:gd name="connsiteX42" fmla="*/ 5112000 w 5112000"/>
              <a:gd name="connsiteY42" fmla="*/ 3645839 h 5115107"/>
              <a:gd name="connsiteX43" fmla="*/ 5112000 w 5112000"/>
              <a:gd name="connsiteY43" fmla="*/ 3770227 h 5115107"/>
              <a:gd name="connsiteX44" fmla="*/ 5112000 w 5112000"/>
              <a:gd name="connsiteY44" fmla="*/ 3880810 h 5115107"/>
              <a:gd name="connsiteX45" fmla="*/ 5112000 w 5112000"/>
              <a:gd name="connsiteY45" fmla="*/ 3978398 h 5115107"/>
              <a:gd name="connsiteX46" fmla="*/ 5112000 w 5112000"/>
              <a:gd name="connsiteY46" fmla="*/ 4063806 h 5115107"/>
              <a:gd name="connsiteX47" fmla="*/ 5112000 w 5112000"/>
              <a:gd name="connsiteY47" fmla="*/ 4137843 h 5115107"/>
              <a:gd name="connsiteX48" fmla="*/ 5112000 w 5112000"/>
              <a:gd name="connsiteY48" fmla="*/ 4201323 h 5115107"/>
              <a:gd name="connsiteX49" fmla="*/ 5112000 w 5112000"/>
              <a:gd name="connsiteY49" fmla="*/ 4255058 h 5115107"/>
              <a:gd name="connsiteX50" fmla="*/ 5112000 w 5112000"/>
              <a:gd name="connsiteY50" fmla="*/ 4299859 h 5115107"/>
              <a:gd name="connsiteX51" fmla="*/ 5112000 w 5112000"/>
              <a:gd name="connsiteY51" fmla="*/ 4336540 h 5115107"/>
              <a:gd name="connsiteX52" fmla="*/ 5112000 w 5112000"/>
              <a:gd name="connsiteY52" fmla="*/ 4365911 h 5115107"/>
              <a:gd name="connsiteX53" fmla="*/ 5112000 w 5112000"/>
              <a:gd name="connsiteY53" fmla="*/ 4405975 h 5115107"/>
              <a:gd name="connsiteX54" fmla="*/ 5112000 w 5112000"/>
              <a:gd name="connsiteY54" fmla="*/ 4426549 h 5115107"/>
              <a:gd name="connsiteX55" fmla="*/ 5112000 w 5112000"/>
              <a:gd name="connsiteY55" fmla="*/ 4434128 h 5115107"/>
              <a:gd name="connsiteX56" fmla="*/ 5112000 w 5112000"/>
              <a:gd name="connsiteY56" fmla="*/ 4435211 h 5115107"/>
              <a:gd name="connsiteX57" fmla="*/ 4432517 w 5112000"/>
              <a:gd name="connsiteY57" fmla="*/ 5115107 h 5115107"/>
              <a:gd name="connsiteX58" fmla="*/ 0 w 5112000"/>
              <a:gd name="connsiteY58" fmla="*/ 5115107 h 51151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112000" h="5115107">
                <a:moveTo>
                  <a:pt x="0" y="0"/>
                </a:moveTo>
                <a:lnTo>
                  <a:pt x="464430" y="0"/>
                </a:lnTo>
                <a:lnTo>
                  <a:pt x="899842" y="0"/>
                </a:lnTo>
                <a:lnTo>
                  <a:pt x="1307173" y="0"/>
                </a:lnTo>
                <a:lnTo>
                  <a:pt x="1687360" y="0"/>
                </a:lnTo>
                <a:lnTo>
                  <a:pt x="2041337" y="0"/>
                </a:lnTo>
                <a:lnTo>
                  <a:pt x="2370041" y="0"/>
                </a:lnTo>
                <a:lnTo>
                  <a:pt x="2674409" y="0"/>
                </a:lnTo>
                <a:lnTo>
                  <a:pt x="2955375" y="0"/>
                </a:lnTo>
                <a:lnTo>
                  <a:pt x="3213877" y="0"/>
                </a:lnTo>
                <a:lnTo>
                  <a:pt x="3450850" y="0"/>
                </a:lnTo>
                <a:lnTo>
                  <a:pt x="3667230" y="0"/>
                </a:lnTo>
                <a:lnTo>
                  <a:pt x="3863953" y="0"/>
                </a:lnTo>
                <a:lnTo>
                  <a:pt x="4041956" y="0"/>
                </a:lnTo>
                <a:lnTo>
                  <a:pt x="4202174" y="0"/>
                </a:lnTo>
                <a:lnTo>
                  <a:pt x="4345543" y="0"/>
                </a:lnTo>
                <a:lnTo>
                  <a:pt x="4473000" y="0"/>
                </a:lnTo>
                <a:lnTo>
                  <a:pt x="4585480" y="0"/>
                </a:lnTo>
                <a:lnTo>
                  <a:pt x="4683920" y="0"/>
                </a:lnTo>
                <a:lnTo>
                  <a:pt x="4769255" y="0"/>
                </a:lnTo>
                <a:lnTo>
                  <a:pt x="4842422" y="0"/>
                </a:lnTo>
                <a:lnTo>
                  <a:pt x="4904356" y="0"/>
                </a:lnTo>
                <a:lnTo>
                  <a:pt x="4955994" y="0"/>
                </a:lnTo>
                <a:lnTo>
                  <a:pt x="4998272" y="0"/>
                </a:lnTo>
                <a:lnTo>
                  <a:pt x="5032125" y="0"/>
                </a:lnTo>
                <a:lnTo>
                  <a:pt x="5078303" y="0"/>
                </a:lnTo>
                <a:lnTo>
                  <a:pt x="5102016" y="0"/>
                </a:lnTo>
                <a:lnTo>
                  <a:pt x="5110752" y="0"/>
                </a:lnTo>
                <a:lnTo>
                  <a:pt x="5112000" y="0"/>
                </a:lnTo>
                <a:lnTo>
                  <a:pt x="5112000" y="402943"/>
                </a:lnTo>
                <a:lnTo>
                  <a:pt x="5112000" y="780710"/>
                </a:lnTo>
                <a:lnTo>
                  <a:pt x="5112000" y="1134114"/>
                </a:lnTo>
                <a:lnTo>
                  <a:pt x="5112000" y="1463966"/>
                </a:lnTo>
                <a:lnTo>
                  <a:pt x="5112000" y="1771080"/>
                </a:lnTo>
                <a:lnTo>
                  <a:pt x="5112000" y="2056266"/>
                </a:lnTo>
                <a:lnTo>
                  <a:pt x="5112000" y="2320338"/>
                </a:lnTo>
                <a:lnTo>
                  <a:pt x="5112000" y="2564106"/>
                </a:lnTo>
                <a:lnTo>
                  <a:pt x="5112000" y="2788385"/>
                </a:lnTo>
                <a:lnTo>
                  <a:pt x="5112000" y="2993984"/>
                </a:lnTo>
                <a:lnTo>
                  <a:pt x="5112000" y="3181717"/>
                </a:lnTo>
                <a:lnTo>
                  <a:pt x="5112000" y="3352396"/>
                </a:lnTo>
                <a:lnTo>
                  <a:pt x="5112000" y="3506832"/>
                </a:lnTo>
                <a:lnTo>
                  <a:pt x="5112000" y="3645839"/>
                </a:lnTo>
                <a:lnTo>
                  <a:pt x="5112000" y="3770227"/>
                </a:lnTo>
                <a:lnTo>
                  <a:pt x="5112000" y="3880810"/>
                </a:lnTo>
                <a:lnTo>
                  <a:pt x="5112000" y="3978398"/>
                </a:lnTo>
                <a:lnTo>
                  <a:pt x="5112000" y="4063806"/>
                </a:lnTo>
                <a:lnTo>
                  <a:pt x="5112000" y="4137843"/>
                </a:lnTo>
                <a:lnTo>
                  <a:pt x="5112000" y="4201323"/>
                </a:lnTo>
                <a:lnTo>
                  <a:pt x="5112000" y="4255058"/>
                </a:lnTo>
                <a:lnTo>
                  <a:pt x="5112000" y="4299859"/>
                </a:lnTo>
                <a:lnTo>
                  <a:pt x="5112000" y="4336540"/>
                </a:lnTo>
                <a:lnTo>
                  <a:pt x="5112000" y="4365911"/>
                </a:lnTo>
                <a:lnTo>
                  <a:pt x="5112000" y="4405975"/>
                </a:lnTo>
                <a:lnTo>
                  <a:pt x="5112000" y="4426549"/>
                </a:lnTo>
                <a:lnTo>
                  <a:pt x="5112000" y="4434128"/>
                </a:lnTo>
                <a:lnTo>
                  <a:pt x="5112000" y="4435211"/>
                </a:lnTo>
                <a:cubicBezTo>
                  <a:pt x="4848462" y="4698909"/>
                  <a:pt x="4699230" y="4848232"/>
                  <a:pt x="4432517" y="5115107"/>
                </a:cubicBezTo>
                <a:cubicBezTo>
                  <a:pt x="0" y="5115107"/>
                  <a:pt x="0" y="5115107"/>
                  <a:pt x="0" y="5115107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wrap="square" lIns="216000" tIns="180000" rIns="216000" bIns="2520000" anchor="t" anchorCtr="0">
            <a:noAutofit/>
          </a:bodyPr>
          <a:lstStyle>
            <a:lvl1pPr algn="l">
              <a:lnSpc>
                <a:spcPct val="91000"/>
              </a:lnSpc>
              <a:defRPr sz="2200">
                <a:solidFill>
                  <a:schemeClr val="bg2"/>
                </a:solidFill>
              </a:defRPr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4" name="Text Placeholder 2"/>
          <p:cNvSpPr>
            <a:spLocks noGrp="1"/>
          </p:cNvSpPr>
          <p:nvPr>
            <p:ph type="body" sz="quarter" idx="18"/>
          </p:nvPr>
        </p:nvSpPr>
        <p:spPr>
          <a:xfrm>
            <a:off x="1539874" y="3748035"/>
            <a:ext cx="3780000" cy="2352728"/>
          </a:xfrm>
        </p:spPr>
        <p:txBody>
          <a:bodyPr lIns="216000" rIns="216000"/>
          <a:lstStyle>
            <a:lvl1pPr marL="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1pPr>
            <a:lvl2pPr marL="216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2pPr>
            <a:lvl3pPr marL="432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3pPr>
            <a:lvl4pPr marL="648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4pPr>
            <a:lvl5pPr marL="864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5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1" name="Faktaboks 3"/>
          <p:cNvSpPr>
            <a:spLocks noGrp="1"/>
          </p:cNvSpPr>
          <p:nvPr>
            <p:ph type="body" sz="quarter" idx="16"/>
          </p:nvPr>
        </p:nvSpPr>
        <p:spPr>
          <a:xfrm>
            <a:off x="5536800" y="4204800"/>
            <a:ext cx="2448000" cy="2451102"/>
          </a:xfrm>
          <a:custGeom>
            <a:avLst/>
            <a:gdLst>
              <a:gd name="connsiteX0" fmla="*/ 0 w 2448000"/>
              <a:gd name="connsiteY0" fmla="*/ 0 h 2451102"/>
              <a:gd name="connsiteX1" fmla="*/ 222403 w 2448000"/>
              <a:gd name="connsiteY1" fmla="*/ 0 h 2451102"/>
              <a:gd name="connsiteX2" fmla="*/ 430910 w 2448000"/>
              <a:gd name="connsiteY2" fmla="*/ 0 h 2451102"/>
              <a:gd name="connsiteX3" fmla="*/ 625970 w 2448000"/>
              <a:gd name="connsiteY3" fmla="*/ 0 h 2451102"/>
              <a:gd name="connsiteX4" fmla="*/ 808032 w 2448000"/>
              <a:gd name="connsiteY4" fmla="*/ 0 h 2451102"/>
              <a:gd name="connsiteX5" fmla="*/ 977542 w 2448000"/>
              <a:gd name="connsiteY5" fmla="*/ 0 h 2451102"/>
              <a:gd name="connsiteX6" fmla="*/ 1134950 w 2448000"/>
              <a:gd name="connsiteY6" fmla="*/ 0 h 2451102"/>
              <a:gd name="connsiteX7" fmla="*/ 1280703 w 2448000"/>
              <a:gd name="connsiteY7" fmla="*/ 0 h 2451102"/>
              <a:gd name="connsiteX8" fmla="*/ 1415250 w 2448000"/>
              <a:gd name="connsiteY8" fmla="*/ 0 h 2451102"/>
              <a:gd name="connsiteX9" fmla="*/ 1539040 w 2448000"/>
              <a:gd name="connsiteY9" fmla="*/ 0 h 2451102"/>
              <a:gd name="connsiteX10" fmla="*/ 1652520 w 2448000"/>
              <a:gd name="connsiteY10" fmla="*/ 0 h 2451102"/>
              <a:gd name="connsiteX11" fmla="*/ 1756138 w 2448000"/>
              <a:gd name="connsiteY11" fmla="*/ 0 h 2451102"/>
              <a:gd name="connsiteX12" fmla="*/ 1850344 w 2448000"/>
              <a:gd name="connsiteY12" fmla="*/ 0 h 2451102"/>
              <a:gd name="connsiteX13" fmla="*/ 1935585 w 2448000"/>
              <a:gd name="connsiteY13" fmla="*/ 0 h 2451102"/>
              <a:gd name="connsiteX14" fmla="*/ 2012309 w 2448000"/>
              <a:gd name="connsiteY14" fmla="*/ 0 h 2451102"/>
              <a:gd name="connsiteX15" fmla="*/ 2080965 w 2448000"/>
              <a:gd name="connsiteY15" fmla="*/ 0 h 2451102"/>
              <a:gd name="connsiteX16" fmla="*/ 2142000 w 2448000"/>
              <a:gd name="connsiteY16" fmla="*/ 0 h 2451102"/>
              <a:gd name="connsiteX17" fmla="*/ 2243004 w 2448000"/>
              <a:gd name="connsiteY17" fmla="*/ 0 h 2451102"/>
              <a:gd name="connsiteX18" fmla="*/ 2318906 w 2448000"/>
              <a:gd name="connsiteY18" fmla="*/ 0 h 2451102"/>
              <a:gd name="connsiteX19" fmla="*/ 2373293 w 2448000"/>
              <a:gd name="connsiteY19" fmla="*/ 0 h 2451102"/>
              <a:gd name="connsiteX20" fmla="*/ 2409750 w 2448000"/>
              <a:gd name="connsiteY20" fmla="*/ 0 h 2451102"/>
              <a:gd name="connsiteX21" fmla="*/ 2431864 w 2448000"/>
              <a:gd name="connsiteY21" fmla="*/ 0 h 2451102"/>
              <a:gd name="connsiteX22" fmla="*/ 2443219 w 2448000"/>
              <a:gd name="connsiteY22" fmla="*/ 0 h 2451102"/>
              <a:gd name="connsiteX23" fmla="*/ 2448000 w 2448000"/>
              <a:gd name="connsiteY23" fmla="*/ 0 h 2451102"/>
              <a:gd name="connsiteX24" fmla="*/ 2448000 w 2448000"/>
              <a:gd name="connsiteY24" fmla="*/ 192936 h 2451102"/>
              <a:gd name="connsiteX25" fmla="*/ 2448000 w 2448000"/>
              <a:gd name="connsiteY25" fmla="*/ 373817 h 2451102"/>
              <a:gd name="connsiteX26" fmla="*/ 2448000 w 2448000"/>
              <a:gd name="connsiteY26" fmla="*/ 543032 h 2451102"/>
              <a:gd name="connsiteX27" fmla="*/ 2448000 w 2448000"/>
              <a:gd name="connsiteY27" fmla="*/ 700971 h 2451102"/>
              <a:gd name="connsiteX28" fmla="*/ 2448000 w 2448000"/>
              <a:gd name="connsiteY28" fmla="*/ 848022 h 2451102"/>
              <a:gd name="connsiteX29" fmla="*/ 2448000 w 2448000"/>
              <a:gd name="connsiteY29" fmla="*/ 984574 h 2451102"/>
              <a:gd name="connsiteX30" fmla="*/ 2448000 w 2448000"/>
              <a:gd name="connsiteY30" fmla="*/ 1111016 h 2451102"/>
              <a:gd name="connsiteX31" fmla="*/ 2448000 w 2448000"/>
              <a:gd name="connsiteY31" fmla="*/ 1227737 h 2451102"/>
              <a:gd name="connsiteX32" fmla="*/ 2448000 w 2448000"/>
              <a:gd name="connsiteY32" fmla="*/ 1335125 h 2451102"/>
              <a:gd name="connsiteX33" fmla="*/ 2448000 w 2448000"/>
              <a:gd name="connsiteY33" fmla="*/ 1433569 h 2451102"/>
              <a:gd name="connsiteX34" fmla="*/ 2448000 w 2448000"/>
              <a:gd name="connsiteY34" fmla="*/ 1523459 h 2451102"/>
              <a:gd name="connsiteX35" fmla="*/ 2448000 w 2448000"/>
              <a:gd name="connsiteY35" fmla="*/ 1605183 h 2451102"/>
              <a:gd name="connsiteX36" fmla="*/ 2448000 w 2448000"/>
              <a:gd name="connsiteY36" fmla="*/ 1679129 h 2451102"/>
              <a:gd name="connsiteX37" fmla="*/ 2448000 w 2448000"/>
              <a:gd name="connsiteY37" fmla="*/ 1745688 h 2451102"/>
              <a:gd name="connsiteX38" fmla="*/ 2448000 w 2448000"/>
              <a:gd name="connsiteY38" fmla="*/ 1858196 h 2451102"/>
              <a:gd name="connsiteX39" fmla="*/ 2448000 w 2448000"/>
              <a:gd name="connsiteY39" fmla="*/ 1945817 h 2451102"/>
              <a:gd name="connsiteX40" fmla="*/ 2448000 w 2448000"/>
              <a:gd name="connsiteY40" fmla="*/ 2011663 h 2451102"/>
              <a:gd name="connsiteX41" fmla="*/ 2448000 w 2448000"/>
              <a:gd name="connsiteY41" fmla="*/ 2058844 h 2451102"/>
              <a:gd name="connsiteX42" fmla="*/ 2448000 w 2448000"/>
              <a:gd name="connsiteY42" fmla="*/ 2090471 h 2451102"/>
              <a:gd name="connsiteX43" fmla="*/ 2448000 w 2448000"/>
              <a:gd name="connsiteY43" fmla="*/ 2109654 h 2451102"/>
              <a:gd name="connsiteX44" fmla="*/ 2448000 w 2448000"/>
              <a:gd name="connsiteY44" fmla="*/ 2119505 h 2451102"/>
              <a:gd name="connsiteX45" fmla="*/ 2448000 w 2448000"/>
              <a:gd name="connsiteY45" fmla="*/ 2123653 h 2451102"/>
              <a:gd name="connsiteX46" fmla="*/ 2124140 w 2448000"/>
              <a:gd name="connsiteY46" fmla="*/ 2451102 h 2451102"/>
              <a:gd name="connsiteX47" fmla="*/ 0 w 2448000"/>
              <a:gd name="connsiteY47" fmla="*/ 2451102 h 24511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</a:cxnLst>
            <a:rect l="l" t="t" r="r" b="b"/>
            <a:pathLst>
              <a:path w="2448000" h="2451102">
                <a:moveTo>
                  <a:pt x="0" y="0"/>
                </a:moveTo>
                <a:lnTo>
                  <a:pt x="222403" y="0"/>
                </a:lnTo>
                <a:lnTo>
                  <a:pt x="430910" y="0"/>
                </a:lnTo>
                <a:lnTo>
                  <a:pt x="625970" y="0"/>
                </a:lnTo>
                <a:lnTo>
                  <a:pt x="808032" y="0"/>
                </a:lnTo>
                <a:lnTo>
                  <a:pt x="977542" y="0"/>
                </a:lnTo>
                <a:lnTo>
                  <a:pt x="1134950" y="0"/>
                </a:lnTo>
                <a:lnTo>
                  <a:pt x="1280703" y="0"/>
                </a:lnTo>
                <a:lnTo>
                  <a:pt x="1415250" y="0"/>
                </a:lnTo>
                <a:lnTo>
                  <a:pt x="1539040" y="0"/>
                </a:lnTo>
                <a:lnTo>
                  <a:pt x="1652520" y="0"/>
                </a:lnTo>
                <a:lnTo>
                  <a:pt x="1756138" y="0"/>
                </a:lnTo>
                <a:lnTo>
                  <a:pt x="1850344" y="0"/>
                </a:lnTo>
                <a:lnTo>
                  <a:pt x="1935585" y="0"/>
                </a:lnTo>
                <a:lnTo>
                  <a:pt x="2012309" y="0"/>
                </a:lnTo>
                <a:lnTo>
                  <a:pt x="2080965" y="0"/>
                </a:lnTo>
                <a:lnTo>
                  <a:pt x="2142000" y="0"/>
                </a:lnTo>
                <a:lnTo>
                  <a:pt x="2243004" y="0"/>
                </a:lnTo>
                <a:lnTo>
                  <a:pt x="2318906" y="0"/>
                </a:lnTo>
                <a:lnTo>
                  <a:pt x="2373293" y="0"/>
                </a:lnTo>
                <a:lnTo>
                  <a:pt x="2409750" y="0"/>
                </a:lnTo>
                <a:lnTo>
                  <a:pt x="2431864" y="0"/>
                </a:lnTo>
                <a:lnTo>
                  <a:pt x="2443219" y="0"/>
                </a:lnTo>
                <a:lnTo>
                  <a:pt x="2448000" y="0"/>
                </a:lnTo>
                <a:lnTo>
                  <a:pt x="2448000" y="192936"/>
                </a:lnTo>
                <a:lnTo>
                  <a:pt x="2448000" y="373817"/>
                </a:lnTo>
                <a:lnTo>
                  <a:pt x="2448000" y="543032"/>
                </a:lnTo>
                <a:lnTo>
                  <a:pt x="2448000" y="700971"/>
                </a:lnTo>
                <a:lnTo>
                  <a:pt x="2448000" y="848022"/>
                </a:lnTo>
                <a:lnTo>
                  <a:pt x="2448000" y="984574"/>
                </a:lnTo>
                <a:lnTo>
                  <a:pt x="2448000" y="1111016"/>
                </a:lnTo>
                <a:lnTo>
                  <a:pt x="2448000" y="1227737"/>
                </a:lnTo>
                <a:lnTo>
                  <a:pt x="2448000" y="1335125"/>
                </a:lnTo>
                <a:lnTo>
                  <a:pt x="2448000" y="1433569"/>
                </a:lnTo>
                <a:lnTo>
                  <a:pt x="2448000" y="1523459"/>
                </a:lnTo>
                <a:lnTo>
                  <a:pt x="2448000" y="1605183"/>
                </a:lnTo>
                <a:lnTo>
                  <a:pt x="2448000" y="1679129"/>
                </a:lnTo>
                <a:lnTo>
                  <a:pt x="2448000" y="1745688"/>
                </a:lnTo>
                <a:lnTo>
                  <a:pt x="2448000" y="1858196"/>
                </a:lnTo>
                <a:lnTo>
                  <a:pt x="2448000" y="1945817"/>
                </a:lnTo>
                <a:lnTo>
                  <a:pt x="2448000" y="2011663"/>
                </a:lnTo>
                <a:lnTo>
                  <a:pt x="2448000" y="2058844"/>
                </a:lnTo>
                <a:lnTo>
                  <a:pt x="2448000" y="2090471"/>
                </a:lnTo>
                <a:lnTo>
                  <a:pt x="2448000" y="2109654"/>
                </a:lnTo>
                <a:lnTo>
                  <a:pt x="2448000" y="2119505"/>
                </a:lnTo>
                <a:lnTo>
                  <a:pt x="2448000" y="2123653"/>
                </a:lnTo>
                <a:cubicBezTo>
                  <a:pt x="2324171" y="2250818"/>
                  <a:pt x="2251144" y="2323937"/>
                  <a:pt x="2124140" y="2451102"/>
                </a:cubicBezTo>
                <a:cubicBezTo>
                  <a:pt x="0" y="2451102"/>
                  <a:pt x="0" y="2451102"/>
                  <a:pt x="0" y="2451102"/>
                </a:cubicBezTo>
                <a:close/>
              </a:path>
            </a:pathLst>
          </a:custGeom>
          <a:solidFill>
            <a:schemeClr val="accent1"/>
          </a:solidFill>
        </p:spPr>
        <p:txBody>
          <a:bodyPr wrap="square" lIns="216000" tIns="216000" rIns="216000" bIns="216000" anchor="t" anchorCtr="0">
            <a:noAutofit/>
          </a:bodyPr>
          <a:lstStyle>
            <a:lvl1pPr marL="0" indent="0">
              <a:spcAft>
                <a:spcPts val="500"/>
              </a:spcAft>
              <a:buFont typeface="Arial" panose="020B0604020202020204" pitchFamily="34" charset="0"/>
              <a:buChar char="​"/>
              <a:defRPr sz="1400" b="1">
                <a:solidFill>
                  <a:schemeClr val="bg2"/>
                </a:solidFill>
              </a:defRPr>
            </a:lvl1pPr>
            <a:lvl2pPr marL="0" indent="0">
              <a:spcAft>
                <a:spcPts val="500"/>
              </a:spcAft>
              <a:buFont typeface="Arial" panose="020B0604020202020204" pitchFamily="34" charset="0"/>
              <a:buChar char="​"/>
              <a:defRPr sz="1400">
                <a:solidFill>
                  <a:schemeClr val="bg2"/>
                </a:solidFill>
              </a:defRPr>
            </a:lvl2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2</a:t>
            </a:r>
          </a:p>
        </p:txBody>
      </p:sp>
      <p:sp>
        <p:nvSpPr>
          <p:cNvPr id="16" name="Content Placeholder 4"/>
          <p:cNvSpPr>
            <a:spLocks noGrp="1"/>
          </p:cNvSpPr>
          <p:nvPr>
            <p:ph sz="quarter" idx="17" hasCustomPrompt="1"/>
          </p:nvPr>
        </p:nvSpPr>
        <p:spPr>
          <a:xfrm>
            <a:off x="208800" y="1540800"/>
            <a:ext cx="1116000" cy="1116000"/>
          </a:xfrm>
        </p:spPr>
        <p:txBody>
          <a:bodyPr/>
          <a:lstStyle>
            <a:lvl1pPr marL="0" indent="0">
              <a:buNone/>
              <a:defRPr sz="1400" b="1"/>
            </a:lvl1pPr>
          </a:lstStyle>
          <a:p>
            <a:pPr lvl="0"/>
            <a:r>
              <a:rPr lang="da-DK" dirty="0"/>
              <a:t>Klik på denne pladsholder og indsæt ikon via Skyfish</a:t>
            </a:r>
          </a:p>
        </p:txBody>
      </p:sp>
      <p:sp>
        <p:nvSpPr>
          <p:cNvPr id="5" name="TextBox 4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billede/</a:t>
            </a:r>
            <a:r>
              <a:rPr lang="da-DK" sz="1200" dirty="0" err="1"/>
              <a:t>graﬁk</a:t>
            </a:r>
            <a:r>
              <a:rPr lang="da-DK" sz="1200" dirty="0"/>
              <a:t> udskiftes. Tekstboksen kan ﬂyttes rundt ift. billedet, vælg boksen</a:t>
            </a:r>
            <a:r>
              <a:rPr lang="da-DK" sz="1200" baseline="0" dirty="0"/>
              <a:t> og al teksten i boksen</a:t>
            </a:r>
            <a:r>
              <a:rPr lang="da-DK" sz="1200" dirty="0"/>
              <a:t>. Farven på tekst og tekstboks kan ændres til hvid/rød/grå.</a:t>
            </a:r>
          </a:p>
        </p:txBody>
      </p:sp>
      <p:sp>
        <p:nvSpPr>
          <p:cNvPr id="13" name="Slide Number Placeholder 5" hidden="1"/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" b="1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fld id="{24C8C45C-947F-4981-8B3F-4F32E973C901}" type="slidenum">
              <a:rPr lang="da-DK" smtClean="0"/>
              <a:pPr rtl="0"/>
              <a:t>‹nr.›</a:t>
            </a:fld>
            <a:endParaRPr lang="da-DK" dirty="0"/>
          </a:p>
        </p:txBody>
      </p:sp>
      <p:sp>
        <p:nvSpPr>
          <p:cNvPr id="14" name="Footer Placeholder 4" hidden="1"/>
          <p:cNvSpPr>
            <a:spLocks noGrp="1"/>
          </p:cNvSpPr>
          <p:nvPr>
            <p:ph type="ftr" sz="quarter" idx="3"/>
          </p:nvPr>
        </p:nvSpPr>
        <p:spPr>
          <a:xfrm>
            <a:off x="0" y="70644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7" name="Date Placeholder 11" hidden="1"/>
          <p:cNvSpPr>
            <a:spLocks noGrp="1"/>
          </p:cNvSpPr>
          <p:nvPr>
            <p:ph type="dt" sz="half" idx="10"/>
          </p:nvPr>
        </p:nvSpPr>
        <p:spPr>
          <a:xfrm>
            <a:off x="0" y="6984000"/>
            <a:ext cx="0" cy="0"/>
          </a:xfrm>
        </p:spPr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15" name="Placeholder logo"/>
          <p:cNvSpPr>
            <a:spLocks noGrp="1"/>
          </p:cNvSpPr>
          <p:nvPr>
            <p:ph type="body" sz="quarter" idx="19" hasCustomPrompt="1"/>
          </p:nvPr>
        </p:nvSpPr>
        <p:spPr>
          <a:xfrm>
            <a:off x="10809164" y="398179"/>
            <a:ext cx="1051200" cy="14868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da-DK" dirty="0"/>
          </a:p>
        </p:txBody>
      </p:sp>
      <p:sp>
        <p:nvSpPr>
          <p:cNvPr id="18" name="Rectangle 17"/>
          <p:cNvSpPr/>
          <p:nvPr userDrawn="1"/>
        </p:nvSpPr>
        <p:spPr>
          <a:xfrm>
            <a:off x="11765941" y="-300028"/>
            <a:ext cx="160500" cy="1605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0" name="Rectangle 19"/>
          <p:cNvSpPr/>
          <p:nvPr userDrawn="1"/>
        </p:nvSpPr>
        <p:spPr>
          <a:xfrm>
            <a:off x="11964594" y="-300028"/>
            <a:ext cx="160500" cy="160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1" name="Rectangle 20"/>
          <p:cNvSpPr/>
          <p:nvPr userDrawn="1"/>
        </p:nvSpPr>
        <p:spPr>
          <a:xfrm>
            <a:off x="12163247" y="-300028"/>
            <a:ext cx="160500" cy="160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34289115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ort billede, hvidt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0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1">
              <a:lumMod val="85000"/>
            </a:schemeClr>
          </a:solidFill>
        </p:spPr>
        <p:txBody>
          <a:bodyPr lIns="144000" tIns="180000" bIns="0" anchor="t" anchorCtr="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denne pladsholder og indsæt billede via Skyfish</a:t>
            </a:r>
          </a:p>
        </p:txBody>
      </p:sp>
      <p:sp>
        <p:nvSpPr>
          <p:cNvPr id="19" name="Titel 1"/>
          <p:cNvSpPr>
            <a:spLocks noGrp="1"/>
          </p:cNvSpPr>
          <p:nvPr>
            <p:ph type="ctrTitle"/>
          </p:nvPr>
        </p:nvSpPr>
        <p:spPr>
          <a:xfrm>
            <a:off x="1539875" y="2873905"/>
            <a:ext cx="3779700" cy="3780000"/>
          </a:xfrm>
          <a:custGeom>
            <a:avLst/>
            <a:gdLst>
              <a:gd name="connsiteX0" fmla="*/ 0 w 5112000"/>
              <a:gd name="connsiteY0" fmla="*/ 0 h 5115107"/>
              <a:gd name="connsiteX1" fmla="*/ 464430 w 5112000"/>
              <a:gd name="connsiteY1" fmla="*/ 0 h 5115107"/>
              <a:gd name="connsiteX2" fmla="*/ 899842 w 5112000"/>
              <a:gd name="connsiteY2" fmla="*/ 0 h 5115107"/>
              <a:gd name="connsiteX3" fmla="*/ 1307173 w 5112000"/>
              <a:gd name="connsiteY3" fmla="*/ 0 h 5115107"/>
              <a:gd name="connsiteX4" fmla="*/ 1687360 w 5112000"/>
              <a:gd name="connsiteY4" fmla="*/ 0 h 5115107"/>
              <a:gd name="connsiteX5" fmla="*/ 2041337 w 5112000"/>
              <a:gd name="connsiteY5" fmla="*/ 0 h 5115107"/>
              <a:gd name="connsiteX6" fmla="*/ 2370041 w 5112000"/>
              <a:gd name="connsiteY6" fmla="*/ 0 h 5115107"/>
              <a:gd name="connsiteX7" fmla="*/ 2674409 w 5112000"/>
              <a:gd name="connsiteY7" fmla="*/ 0 h 5115107"/>
              <a:gd name="connsiteX8" fmla="*/ 2955375 w 5112000"/>
              <a:gd name="connsiteY8" fmla="*/ 0 h 5115107"/>
              <a:gd name="connsiteX9" fmla="*/ 3213877 w 5112000"/>
              <a:gd name="connsiteY9" fmla="*/ 0 h 5115107"/>
              <a:gd name="connsiteX10" fmla="*/ 3450850 w 5112000"/>
              <a:gd name="connsiteY10" fmla="*/ 0 h 5115107"/>
              <a:gd name="connsiteX11" fmla="*/ 3667230 w 5112000"/>
              <a:gd name="connsiteY11" fmla="*/ 0 h 5115107"/>
              <a:gd name="connsiteX12" fmla="*/ 3863953 w 5112000"/>
              <a:gd name="connsiteY12" fmla="*/ 0 h 5115107"/>
              <a:gd name="connsiteX13" fmla="*/ 4041956 w 5112000"/>
              <a:gd name="connsiteY13" fmla="*/ 0 h 5115107"/>
              <a:gd name="connsiteX14" fmla="*/ 4202174 w 5112000"/>
              <a:gd name="connsiteY14" fmla="*/ 0 h 5115107"/>
              <a:gd name="connsiteX15" fmla="*/ 4345543 w 5112000"/>
              <a:gd name="connsiteY15" fmla="*/ 0 h 5115107"/>
              <a:gd name="connsiteX16" fmla="*/ 4473000 w 5112000"/>
              <a:gd name="connsiteY16" fmla="*/ 0 h 5115107"/>
              <a:gd name="connsiteX17" fmla="*/ 4585480 w 5112000"/>
              <a:gd name="connsiteY17" fmla="*/ 0 h 5115107"/>
              <a:gd name="connsiteX18" fmla="*/ 4683920 w 5112000"/>
              <a:gd name="connsiteY18" fmla="*/ 0 h 5115107"/>
              <a:gd name="connsiteX19" fmla="*/ 4769255 w 5112000"/>
              <a:gd name="connsiteY19" fmla="*/ 0 h 5115107"/>
              <a:gd name="connsiteX20" fmla="*/ 4842422 w 5112000"/>
              <a:gd name="connsiteY20" fmla="*/ 0 h 5115107"/>
              <a:gd name="connsiteX21" fmla="*/ 4904356 w 5112000"/>
              <a:gd name="connsiteY21" fmla="*/ 0 h 5115107"/>
              <a:gd name="connsiteX22" fmla="*/ 4955994 w 5112000"/>
              <a:gd name="connsiteY22" fmla="*/ 0 h 5115107"/>
              <a:gd name="connsiteX23" fmla="*/ 4998272 w 5112000"/>
              <a:gd name="connsiteY23" fmla="*/ 0 h 5115107"/>
              <a:gd name="connsiteX24" fmla="*/ 5032125 w 5112000"/>
              <a:gd name="connsiteY24" fmla="*/ 0 h 5115107"/>
              <a:gd name="connsiteX25" fmla="*/ 5078303 w 5112000"/>
              <a:gd name="connsiteY25" fmla="*/ 0 h 5115107"/>
              <a:gd name="connsiteX26" fmla="*/ 5102016 w 5112000"/>
              <a:gd name="connsiteY26" fmla="*/ 0 h 5115107"/>
              <a:gd name="connsiteX27" fmla="*/ 5110752 w 5112000"/>
              <a:gd name="connsiteY27" fmla="*/ 0 h 5115107"/>
              <a:gd name="connsiteX28" fmla="*/ 5112000 w 5112000"/>
              <a:gd name="connsiteY28" fmla="*/ 0 h 5115107"/>
              <a:gd name="connsiteX29" fmla="*/ 5112000 w 5112000"/>
              <a:gd name="connsiteY29" fmla="*/ 402943 h 5115107"/>
              <a:gd name="connsiteX30" fmla="*/ 5112000 w 5112000"/>
              <a:gd name="connsiteY30" fmla="*/ 780710 h 5115107"/>
              <a:gd name="connsiteX31" fmla="*/ 5112000 w 5112000"/>
              <a:gd name="connsiteY31" fmla="*/ 1134114 h 5115107"/>
              <a:gd name="connsiteX32" fmla="*/ 5112000 w 5112000"/>
              <a:gd name="connsiteY32" fmla="*/ 1463966 h 5115107"/>
              <a:gd name="connsiteX33" fmla="*/ 5112000 w 5112000"/>
              <a:gd name="connsiteY33" fmla="*/ 1771080 h 5115107"/>
              <a:gd name="connsiteX34" fmla="*/ 5112000 w 5112000"/>
              <a:gd name="connsiteY34" fmla="*/ 2056266 h 5115107"/>
              <a:gd name="connsiteX35" fmla="*/ 5112000 w 5112000"/>
              <a:gd name="connsiteY35" fmla="*/ 2320338 h 5115107"/>
              <a:gd name="connsiteX36" fmla="*/ 5112000 w 5112000"/>
              <a:gd name="connsiteY36" fmla="*/ 2564106 h 5115107"/>
              <a:gd name="connsiteX37" fmla="*/ 5112000 w 5112000"/>
              <a:gd name="connsiteY37" fmla="*/ 2788385 h 5115107"/>
              <a:gd name="connsiteX38" fmla="*/ 5112000 w 5112000"/>
              <a:gd name="connsiteY38" fmla="*/ 2993984 h 5115107"/>
              <a:gd name="connsiteX39" fmla="*/ 5112000 w 5112000"/>
              <a:gd name="connsiteY39" fmla="*/ 3181717 h 5115107"/>
              <a:gd name="connsiteX40" fmla="*/ 5112000 w 5112000"/>
              <a:gd name="connsiteY40" fmla="*/ 3352396 h 5115107"/>
              <a:gd name="connsiteX41" fmla="*/ 5112000 w 5112000"/>
              <a:gd name="connsiteY41" fmla="*/ 3506832 h 5115107"/>
              <a:gd name="connsiteX42" fmla="*/ 5112000 w 5112000"/>
              <a:gd name="connsiteY42" fmla="*/ 3645839 h 5115107"/>
              <a:gd name="connsiteX43" fmla="*/ 5112000 w 5112000"/>
              <a:gd name="connsiteY43" fmla="*/ 3770227 h 5115107"/>
              <a:gd name="connsiteX44" fmla="*/ 5112000 w 5112000"/>
              <a:gd name="connsiteY44" fmla="*/ 3880810 h 5115107"/>
              <a:gd name="connsiteX45" fmla="*/ 5112000 w 5112000"/>
              <a:gd name="connsiteY45" fmla="*/ 3978398 h 5115107"/>
              <a:gd name="connsiteX46" fmla="*/ 5112000 w 5112000"/>
              <a:gd name="connsiteY46" fmla="*/ 4063806 h 5115107"/>
              <a:gd name="connsiteX47" fmla="*/ 5112000 w 5112000"/>
              <a:gd name="connsiteY47" fmla="*/ 4137843 h 5115107"/>
              <a:gd name="connsiteX48" fmla="*/ 5112000 w 5112000"/>
              <a:gd name="connsiteY48" fmla="*/ 4201323 h 5115107"/>
              <a:gd name="connsiteX49" fmla="*/ 5112000 w 5112000"/>
              <a:gd name="connsiteY49" fmla="*/ 4255058 h 5115107"/>
              <a:gd name="connsiteX50" fmla="*/ 5112000 w 5112000"/>
              <a:gd name="connsiteY50" fmla="*/ 4299859 h 5115107"/>
              <a:gd name="connsiteX51" fmla="*/ 5112000 w 5112000"/>
              <a:gd name="connsiteY51" fmla="*/ 4336540 h 5115107"/>
              <a:gd name="connsiteX52" fmla="*/ 5112000 w 5112000"/>
              <a:gd name="connsiteY52" fmla="*/ 4365911 h 5115107"/>
              <a:gd name="connsiteX53" fmla="*/ 5112000 w 5112000"/>
              <a:gd name="connsiteY53" fmla="*/ 4405975 h 5115107"/>
              <a:gd name="connsiteX54" fmla="*/ 5112000 w 5112000"/>
              <a:gd name="connsiteY54" fmla="*/ 4426549 h 5115107"/>
              <a:gd name="connsiteX55" fmla="*/ 5112000 w 5112000"/>
              <a:gd name="connsiteY55" fmla="*/ 4434128 h 5115107"/>
              <a:gd name="connsiteX56" fmla="*/ 5112000 w 5112000"/>
              <a:gd name="connsiteY56" fmla="*/ 4435211 h 5115107"/>
              <a:gd name="connsiteX57" fmla="*/ 4432517 w 5112000"/>
              <a:gd name="connsiteY57" fmla="*/ 5115107 h 5115107"/>
              <a:gd name="connsiteX58" fmla="*/ 0 w 5112000"/>
              <a:gd name="connsiteY58" fmla="*/ 5115107 h 51151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112000" h="5115107">
                <a:moveTo>
                  <a:pt x="0" y="0"/>
                </a:moveTo>
                <a:lnTo>
                  <a:pt x="464430" y="0"/>
                </a:lnTo>
                <a:lnTo>
                  <a:pt x="899842" y="0"/>
                </a:lnTo>
                <a:lnTo>
                  <a:pt x="1307173" y="0"/>
                </a:lnTo>
                <a:lnTo>
                  <a:pt x="1687360" y="0"/>
                </a:lnTo>
                <a:lnTo>
                  <a:pt x="2041337" y="0"/>
                </a:lnTo>
                <a:lnTo>
                  <a:pt x="2370041" y="0"/>
                </a:lnTo>
                <a:lnTo>
                  <a:pt x="2674409" y="0"/>
                </a:lnTo>
                <a:lnTo>
                  <a:pt x="2955375" y="0"/>
                </a:lnTo>
                <a:lnTo>
                  <a:pt x="3213877" y="0"/>
                </a:lnTo>
                <a:lnTo>
                  <a:pt x="3450850" y="0"/>
                </a:lnTo>
                <a:lnTo>
                  <a:pt x="3667230" y="0"/>
                </a:lnTo>
                <a:lnTo>
                  <a:pt x="3863953" y="0"/>
                </a:lnTo>
                <a:lnTo>
                  <a:pt x="4041956" y="0"/>
                </a:lnTo>
                <a:lnTo>
                  <a:pt x="4202174" y="0"/>
                </a:lnTo>
                <a:lnTo>
                  <a:pt x="4345543" y="0"/>
                </a:lnTo>
                <a:lnTo>
                  <a:pt x="4473000" y="0"/>
                </a:lnTo>
                <a:lnTo>
                  <a:pt x="4585480" y="0"/>
                </a:lnTo>
                <a:lnTo>
                  <a:pt x="4683920" y="0"/>
                </a:lnTo>
                <a:lnTo>
                  <a:pt x="4769255" y="0"/>
                </a:lnTo>
                <a:lnTo>
                  <a:pt x="4842422" y="0"/>
                </a:lnTo>
                <a:lnTo>
                  <a:pt x="4904356" y="0"/>
                </a:lnTo>
                <a:lnTo>
                  <a:pt x="4955994" y="0"/>
                </a:lnTo>
                <a:lnTo>
                  <a:pt x="4998272" y="0"/>
                </a:lnTo>
                <a:lnTo>
                  <a:pt x="5032125" y="0"/>
                </a:lnTo>
                <a:lnTo>
                  <a:pt x="5078303" y="0"/>
                </a:lnTo>
                <a:lnTo>
                  <a:pt x="5102016" y="0"/>
                </a:lnTo>
                <a:lnTo>
                  <a:pt x="5110752" y="0"/>
                </a:lnTo>
                <a:lnTo>
                  <a:pt x="5112000" y="0"/>
                </a:lnTo>
                <a:lnTo>
                  <a:pt x="5112000" y="402943"/>
                </a:lnTo>
                <a:lnTo>
                  <a:pt x="5112000" y="780710"/>
                </a:lnTo>
                <a:lnTo>
                  <a:pt x="5112000" y="1134114"/>
                </a:lnTo>
                <a:lnTo>
                  <a:pt x="5112000" y="1463966"/>
                </a:lnTo>
                <a:lnTo>
                  <a:pt x="5112000" y="1771080"/>
                </a:lnTo>
                <a:lnTo>
                  <a:pt x="5112000" y="2056266"/>
                </a:lnTo>
                <a:lnTo>
                  <a:pt x="5112000" y="2320338"/>
                </a:lnTo>
                <a:lnTo>
                  <a:pt x="5112000" y="2564106"/>
                </a:lnTo>
                <a:lnTo>
                  <a:pt x="5112000" y="2788385"/>
                </a:lnTo>
                <a:lnTo>
                  <a:pt x="5112000" y="2993984"/>
                </a:lnTo>
                <a:lnTo>
                  <a:pt x="5112000" y="3181717"/>
                </a:lnTo>
                <a:lnTo>
                  <a:pt x="5112000" y="3352396"/>
                </a:lnTo>
                <a:lnTo>
                  <a:pt x="5112000" y="3506832"/>
                </a:lnTo>
                <a:lnTo>
                  <a:pt x="5112000" y="3645839"/>
                </a:lnTo>
                <a:lnTo>
                  <a:pt x="5112000" y="3770227"/>
                </a:lnTo>
                <a:lnTo>
                  <a:pt x="5112000" y="3880810"/>
                </a:lnTo>
                <a:lnTo>
                  <a:pt x="5112000" y="3978398"/>
                </a:lnTo>
                <a:lnTo>
                  <a:pt x="5112000" y="4063806"/>
                </a:lnTo>
                <a:lnTo>
                  <a:pt x="5112000" y="4137843"/>
                </a:lnTo>
                <a:lnTo>
                  <a:pt x="5112000" y="4201323"/>
                </a:lnTo>
                <a:lnTo>
                  <a:pt x="5112000" y="4255058"/>
                </a:lnTo>
                <a:lnTo>
                  <a:pt x="5112000" y="4299859"/>
                </a:lnTo>
                <a:lnTo>
                  <a:pt x="5112000" y="4336540"/>
                </a:lnTo>
                <a:lnTo>
                  <a:pt x="5112000" y="4365911"/>
                </a:lnTo>
                <a:lnTo>
                  <a:pt x="5112000" y="4405975"/>
                </a:lnTo>
                <a:lnTo>
                  <a:pt x="5112000" y="4426549"/>
                </a:lnTo>
                <a:lnTo>
                  <a:pt x="5112000" y="4434128"/>
                </a:lnTo>
                <a:lnTo>
                  <a:pt x="5112000" y="4435211"/>
                </a:lnTo>
                <a:cubicBezTo>
                  <a:pt x="4848462" y="4698909"/>
                  <a:pt x="4699230" y="4848232"/>
                  <a:pt x="4432517" y="5115107"/>
                </a:cubicBezTo>
                <a:cubicBezTo>
                  <a:pt x="0" y="5115107"/>
                  <a:pt x="0" y="5115107"/>
                  <a:pt x="0" y="5115107"/>
                </a:cubicBez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 lIns="216000" tIns="180000" rIns="216000" bIns="2520000" anchor="t" anchorCtr="0">
            <a:noAutofit/>
          </a:bodyPr>
          <a:lstStyle>
            <a:lvl1pPr algn="l">
              <a:lnSpc>
                <a:spcPct val="91000"/>
              </a:lnSpc>
              <a:defRPr sz="2200">
                <a:solidFill>
                  <a:schemeClr val="accent1"/>
                </a:solidFill>
              </a:defRPr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4" name="Text Placeholder 2"/>
          <p:cNvSpPr>
            <a:spLocks noGrp="1"/>
          </p:cNvSpPr>
          <p:nvPr>
            <p:ph type="body" sz="quarter" idx="18"/>
          </p:nvPr>
        </p:nvSpPr>
        <p:spPr>
          <a:xfrm>
            <a:off x="1539874" y="3748035"/>
            <a:ext cx="3780000" cy="2352728"/>
          </a:xfrm>
        </p:spPr>
        <p:txBody>
          <a:bodyPr lIns="216000" rIns="216000"/>
          <a:lstStyle>
            <a:lvl1pPr marL="0" indent="0">
              <a:spcAft>
                <a:spcPts val="500"/>
              </a:spcAft>
              <a:buFontTx/>
              <a:buNone/>
              <a:defRPr>
                <a:solidFill>
                  <a:schemeClr val="accent1"/>
                </a:solidFill>
              </a:defRPr>
            </a:lvl1pPr>
            <a:lvl2pPr marL="216000" indent="0">
              <a:spcAft>
                <a:spcPts val="500"/>
              </a:spcAft>
              <a:buFontTx/>
              <a:buNone/>
              <a:defRPr>
                <a:solidFill>
                  <a:schemeClr val="accent1"/>
                </a:solidFill>
              </a:defRPr>
            </a:lvl2pPr>
            <a:lvl3pPr marL="432000" indent="0">
              <a:spcAft>
                <a:spcPts val="500"/>
              </a:spcAft>
              <a:buFontTx/>
              <a:buNone/>
              <a:defRPr>
                <a:solidFill>
                  <a:schemeClr val="accent1"/>
                </a:solidFill>
              </a:defRPr>
            </a:lvl3pPr>
            <a:lvl4pPr marL="648000" indent="0">
              <a:spcAft>
                <a:spcPts val="500"/>
              </a:spcAft>
              <a:buFontTx/>
              <a:buNone/>
              <a:defRPr>
                <a:solidFill>
                  <a:schemeClr val="accent1"/>
                </a:solidFill>
              </a:defRPr>
            </a:lvl4pPr>
            <a:lvl5pPr marL="864000" indent="0">
              <a:spcAft>
                <a:spcPts val="500"/>
              </a:spcAft>
              <a:buFontTx/>
              <a:buNone/>
              <a:defRPr>
                <a:solidFill>
                  <a:schemeClr val="accent1"/>
                </a:solidFill>
              </a:defRPr>
            </a:lvl5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1" name="Faktaboks 3"/>
          <p:cNvSpPr>
            <a:spLocks noGrp="1"/>
          </p:cNvSpPr>
          <p:nvPr>
            <p:ph type="body" sz="quarter" idx="16"/>
          </p:nvPr>
        </p:nvSpPr>
        <p:spPr>
          <a:xfrm>
            <a:off x="5536800" y="4204800"/>
            <a:ext cx="2448000" cy="2451102"/>
          </a:xfrm>
          <a:custGeom>
            <a:avLst/>
            <a:gdLst>
              <a:gd name="connsiteX0" fmla="*/ 0 w 2448000"/>
              <a:gd name="connsiteY0" fmla="*/ 0 h 2451102"/>
              <a:gd name="connsiteX1" fmla="*/ 222403 w 2448000"/>
              <a:gd name="connsiteY1" fmla="*/ 0 h 2451102"/>
              <a:gd name="connsiteX2" fmla="*/ 430910 w 2448000"/>
              <a:gd name="connsiteY2" fmla="*/ 0 h 2451102"/>
              <a:gd name="connsiteX3" fmla="*/ 625970 w 2448000"/>
              <a:gd name="connsiteY3" fmla="*/ 0 h 2451102"/>
              <a:gd name="connsiteX4" fmla="*/ 808032 w 2448000"/>
              <a:gd name="connsiteY4" fmla="*/ 0 h 2451102"/>
              <a:gd name="connsiteX5" fmla="*/ 977542 w 2448000"/>
              <a:gd name="connsiteY5" fmla="*/ 0 h 2451102"/>
              <a:gd name="connsiteX6" fmla="*/ 1134950 w 2448000"/>
              <a:gd name="connsiteY6" fmla="*/ 0 h 2451102"/>
              <a:gd name="connsiteX7" fmla="*/ 1280703 w 2448000"/>
              <a:gd name="connsiteY7" fmla="*/ 0 h 2451102"/>
              <a:gd name="connsiteX8" fmla="*/ 1415250 w 2448000"/>
              <a:gd name="connsiteY8" fmla="*/ 0 h 2451102"/>
              <a:gd name="connsiteX9" fmla="*/ 1539040 w 2448000"/>
              <a:gd name="connsiteY9" fmla="*/ 0 h 2451102"/>
              <a:gd name="connsiteX10" fmla="*/ 1652520 w 2448000"/>
              <a:gd name="connsiteY10" fmla="*/ 0 h 2451102"/>
              <a:gd name="connsiteX11" fmla="*/ 1756138 w 2448000"/>
              <a:gd name="connsiteY11" fmla="*/ 0 h 2451102"/>
              <a:gd name="connsiteX12" fmla="*/ 1850344 w 2448000"/>
              <a:gd name="connsiteY12" fmla="*/ 0 h 2451102"/>
              <a:gd name="connsiteX13" fmla="*/ 1935585 w 2448000"/>
              <a:gd name="connsiteY13" fmla="*/ 0 h 2451102"/>
              <a:gd name="connsiteX14" fmla="*/ 2012309 w 2448000"/>
              <a:gd name="connsiteY14" fmla="*/ 0 h 2451102"/>
              <a:gd name="connsiteX15" fmla="*/ 2080965 w 2448000"/>
              <a:gd name="connsiteY15" fmla="*/ 0 h 2451102"/>
              <a:gd name="connsiteX16" fmla="*/ 2142000 w 2448000"/>
              <a:gd name="connsiteY16" fmla="*/ 0 h 2451102"/>
              <a:gd name="connsiteX17" fmla="*/ 2243004 w 2448000"/>
              <a:gd name="connsiteY17" fmla="*/ 0 h 2451102"/>
              <a:gd name="connsiteX18" fmla="*/ 2318906 w 2448000"/>
              <a:gd name="connsiteY18" fmla="*/ 0 h 2451102"/>
              <a:gd name="connsiteX19" fmla="*/ 2373293 w 2448000"/>
              <a:gd name="connsiteY19" fmla="*/ 0 h 2451102"/>
              <a:gd name="connsiteX20" fmla="*/ 2409750 w 2448000"/>
              <a:gd name="connsiteY20" fmla="*/ 0 h 2451102"/>
              <a:gd name="connsiteX21" fmla="*/ 2431864 w 2448000"/>
              <a:gd name="connsiteY21" fmla="*/ 0 h 2451102"/>
              <a:gd name="connsiteX22" fmla="*/ 2443219 w 2448000"/>
              <a:gd name="connsiteY22" fmla="*/ 0 h 2451102"/>
              <a:gd name="connsiteX23" fmla="*/ 2448000 w 2448000"/>
              <a:gd name="connsiteY23" fmla="*/ 0 h 2451102"/>
              <a:gd name="connsiteX24" fmla="*/ 2448000 w 2448000"/>
              <a:gd name="connsiteY24" fmla="*/ 192936 h 2451102"/>
              <a:gd name="connsiteX25" fmla="*/ 2448000 w 2448000"/>
              <a:gd name="connsiteY25" fmla="*/ 373817 h 2451102"/>
              <a:gd name="connsiteX26" fmla="*/ 2448000 w 2448000"/>
              <a:gd name="connsiteY26" fmla="*/ 543032 h 2451102"/>
              <a:gd name="connsiteX27" fmla="*/ 2448000 w 2448000"/>
              <a:gd name="connsiteY27" fmla="*/ 700971 h 2451102"/>
              <a:gd name="connsiteX28" fmla="*/ 2448000 w 2448000"/>
              <a:gd name="connsiteY28" fmla="*/ 848022 h 2451102"/>
              <a:gd name="connsiteX29" fmla="*/ 2448000 w 2448000"/>
              <a:gd name="connsiteY29" fmla="*/ 984574 h 2451102"/>
              <a:gd name="connsiteX30" fmla="*/ 2448000 w 2448000"/>
              <a:gd name="connsiteY30" fmla="*/ 1111016 h 2451102"/>
              <a:gd name="connsiteX31" fmla="*/ 2448000 w 2448000"/>
              <a:gd name="connsiteY31" fmla="*/ 1227737 h 2451102"/>
              <a:gd name="connsiteX32" fmla="*/ 2448000 w 2448000"/>
              <a:gd name="connsiteY32" fmla="*/ 1335125 h 2451102"/>
              <a:gd name="connsiteX33" fmla="*/ 2448000 w 2448000"/>
              <a:gd name="connsiteY33" fmla="*/ 1433569 h 2451102"/>
              <a:gd name="connsiteX34" fmla="*/ 2448000 w 2448000"/>
              <a:gd name="connsiteY34" fmla="*/ 1523459 h 2451102"/>
              <a:gd name="connsiteX35" fmla="*/ 2448000 w 2448000"/>
              <a:gd name="connsiteY35" fmla="*/ 1605183 h 2451102"/>
              <a:gd name="connsiteX36" fmla="*/ 2448000 w 2448000"/>
              <a:gd name="connsiteY36" fmla="*/ 1679129 h 2451102"/>
              <a:gd name="connsiteX37" fmla="*/ 2448000 w 2448000"/>
              <a:gd name="connsiteY37" fmla="*/ 1745688 h 2451102"/>
              <a:gd name="connsiteX38" fmla="*/ 2448000 w 2448000"/>
              <a:gd name="connsiteY38" fmla="*/ 1858196 h 2451102"/>
              <a:gd name="connsiteX39" fmla="*/ 2448000 w 2448000"/>
              <a:gd name="connsiteY39" fmla="*/ 1945817 h 2451102"/>
              <a:gd name="connsiteX40" fmla="*/ 2448000 w 2448000"/>
              <a:gd name="connsiteY40" fmla="*/ 2011663 h 2451102"/>
              <a:gd name="connsiteX41" fmla="*/ 2448000 w 2448000"/>
              <a:gd name="connsiteY41" fmla="*/ 2058844 h 2451102"/>
              <a:gd name="connsiteX42" fmla="*/ 2448000 w 2448000"/>
              <a:gd name="connsiteY42" fmla="*/ 2090471 h 2451102"/>
              <a:gd name="connsiteX43" fmla="*/ 2448000 w 2448000"/>
              <a:gd name="connsiteY43" fmla="*/ 2109654 h 2451102"/>
              <a:gd name="connsiteX44" fmla="*/ 2448000 w 2448000"/>
              <a:gd name="connsiteY44" fmla="*/ 2119505 h 2451102"/>
              <a:gd name="connsiteX45" fmla="*/ 2448000 w 2448000"/>
              <a:gd name="connsiteY45" fmla="*/ 2123653 h 2451102"/>
              <a:gd name="connsiteX46" fmla="*/ 2124140 w 2448000"/>
              <a:gd name="connsiteY46" fmla="*/ 2451102 h 2451102"/>
              <a:gd name="connsiteX47" fmla="*/ 0 w 2448000"/>
              <a:gd name="connsiteY47" fmla="*/ 2451102 h 24511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</a:cxnLst>
            <a:rect l="l" t="t" r="r" b="b"/>
            <a:pathLst>
              <a:path w="2448000" h="2451102">
                <a:moveTo>
                  <a:pt x="0" y="0"/>
                </a:moveTo>
                <a:lnTo>
                  <a:pt x="222403" y="0"/>
                </a:lnTo>
                <a:lnTo>
                  <a:pt x="430910" y="0"/>
                </a:lnTo>
                <a:lnTo>
                  <a:pt x="625970" y="0"/>
                </a:lnTo>
                <a:lnTo>
                  <a:pt x="808032" y="0"/>
                </a:lnTo>
                <a:lnTo>
                  <a:pt x="977542" y="0"/>
                </a:lnTo>
                <a:lnTo>
                  <a:pt x="1134950" y="0"/>
                </a:lnTo>
                <a:lnTo>
                  <a:pt x="1280703" y="0"/>
                </a:lnTo>
                <a:lnTo>
                  <a:pt x="1415250" y="0"/>
                </a:lnTo>
                <a:lnTo>
                  <a:pt x="1539040" y="0"/>
                </a:lnTo>
                <a:lnTo>
                  <a:pt x="1652520" y="0"/>
                </a:lnTo>
                <a:lnTo>
                  <a:pt x="1756138" y="0"/>
                </a:lnTo>
                <a:lnTo>
                  <a:pt x="1850344" y="0"/>
                </a:lnTo>
                <a:lnTo>
                  <a:pt x="1935585" y="0"/>
                </a:lnTo>
                <a:lnTo>
                  <a:pt x="2012309" y="0"/>
                </a:lnTo>
                <a:lnTo>
                  <a:pt x="2080965" y="0"/>
                </a:lnTo>
                <a:lnTo>
                  <a:pt x="2142000" y="0"/>
                </a:lnTo>
                <a:lnTo>
                  <a:pt x="2243004" y="0"/>
                </a:lnTo>
                <a:lnTo>
                  <a:pt x="2318906" y="0"/>
                </a:lnTo>
                <a:lnTo>
                  <a:pt x="2373293" y="0"/>
                </a:lnTo>
                <a:lnTo>
                  <a:pt x="2409750" y="0"/>
                </a:lnTo>
                <a:lnTo>
                  <a:pt x="2431864" y="0"/>
                </a:lnTo>
                <a:lnTo>
                  <a:pt x="2443219" y="0"/>
                </a:lnTo>
                <a:lnTo>
                  <a:pt x="2448000" y="0"/>
                </a:lnTo>
                <a:lnTo>
                  <a:pt x="2448000" y="192936"/>
                </a:lnTo>
                <a:lnTo>
                  <a:pt x="2448000" y="373817"/>
                </a:lnTo>
                <a:lnTo>
                  <a:pt x="2448000" y="543032"/>
                </a:lnTo>
                <a:lnTo>
                  <a:pt x="2448000" y="700971"/>
                </a:lnTo>
                <a:lnTo>
                  <a:pt x="2448000" y="848022"/>
                </a:lnTo>
                <a:lnTo>
                  <a:pt x="2448000" y="984574"/>
                </a:lnTo>
                <a:lnTo>
                  <a:pt x="2448000" y="1111016"/>
                </a:lnTo>
                <a:lnTo>
                  <a:pt x="2448000" y="1227737"/>
                </a:lnTo>
                <a:lnTo>
                  <a:pt x="2448000" y="1335125"/>
                </a:lnTo>
                <a:lnTo>
                  <a:pt x="2448000" y="1433569"/>
                </a:lnTo>
                <a:lnTo>
                  <a:pt x="2448000" y="1523459"/>
                </a:lnTo>
                <a:lnTo>
                  <a:pt x="2448000" y="1605183"/>
                </a:lnTo>
                <a:lnTo>
                  <a:pt x="2448000" y="1679129"/>
                </a:lnTo>
                <a:lnTo>
                  <a:pt x="2448000" y="1745688"/>
                </a:lnTo>
                <a:lnTo>
                  <a:pt x="2448000" y="1858196"/>
                </a:lnTo>
                <a:lnTo>
                  <a:pt x="2448000" y="1945817"/>
                </a:lnTo>
                <a:lnTo>
                  <a:pt x="2448000" y="2011663"/>
                </a:lnTo>
                <a:lnTo>
                  <a:pt x="2448000" y="2058844"/>
                </a:lnTo>
                <a:lnTo>
                  <a:pt x="2448000" y="2090471"/>
                </a:lnTo>
                <a:lnTo>
                  <a:pt x="2448000" y="2109654"/>
                </a:lnTo>
                <a:lnTo>
                  <a:pt x="2448000" y="2119505"/>
                </a:lnTo>
                <a:lnTo>
                  <a:pt x="2448000" y="2123653"/>
                </a:lnTo>
                <a:cubicBezTo>
                  <a:pt x="2324171" y="2250818"/>
                  <a:pt x="2251144" y="2323937"/>
                  <a:pt x="2124140" y="2451102"/>
                </a:cubicBezTo>
                <a:cubicBezTo>
                  <a:pt x="0" y="2451102"/>
                  <a:pt x="0" y="2451102"/>
                  <a:pt x="0" y="2451102"/>
                </a:cubicBezTo>
                <a:close/>
              </a:path>
            </a:pathLst>
          </a:custGeom>
          <a:solidFill>
            <a:schemeClr val="bg2"/>
          </a:solidFill>
        </p:spPr>
        <p:txBody>
          <a:bodyPr wrap="square" lIns="216000" tIns="216000" rIns="216000" bIns="216000" anchor="t" anchorCtr="0">
            <a:noAutofit/>
          </a:bodyPr>
          <a:lstStyle>
            <a:lvl1pPr marL="0" indent="0">
              <a:spcAft>
                <a:spcPts val="500"/>
              </a:spcAft>
              <a:buFont typeface="Arial" panose="020B0604020202020204" pitchFamily="34" charset="0"/>
              <a:buChar char="​"/>
              <a:defRPr sz="1400" b="1">
                <a:solidFill>
                  <a:schemeClr val="accent1"/>
                </a:solidFill>
              </a:defRPr>
            </a:lvl1pPr>
            <a:lvl2pPr marL="0" indent="0">
              <a:spcAft>
                <a:spcPts val="500"/>
              </a:spcAft>
              <a:buFont typeface="Arial" panose="020B0604020202020204" pitchFamily="34" charset="0"/>
              <a:buChar char="​"/>
              <a:defRPr sz="1400">
                <a:solidFill>
                  <a:schemeClr val="accent1"/>
                </a:solidFill>
              </a:defRPr>
            </a:lvl2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2</a:t>
            </a:r>
          </a:p>
        </p:txBody>
      </p:sp>
      <p:sp>
        <p:nvSpPr>
          <p:cNvPr id="16" name="Content Placeholder 4"/>
          <p:cNvSpPr>
            <a:spLocks noGrp="1"/>
          </p:cNvSpPr>
          <p:nvPr>
            <p:ph sz="quarter" idx="17" hasCustomPrompt="1"/>
          </p:nvPr>
        </p:nvSpPr>
        <p:spPr>
          <a:xfrm>
            <a:off x="208800" y="1540800"/>
            <a:ext cx="1116000" cy="1116000"/>
          </a:xfrm>
        </p:spPr>
        <p:txBody>
          <a:bodyPr/>
          <a:lstStyle>
            <a:lvl1pPr marL="0" indent="0">
              <a:buNone/>
              <a:defRPr sz="1400" b="1"/>
            </a:lvl1pPr>
          </a:lstStyle>
          <a:p>
            <a:pPr lvl="0"/>
            <a:r>
              <a:rPr lang="da-DK" dirty="0"/>
              <a:t>Klik på denne pladsholder og indsæt ikon via Skyfish</a:t>
            </a:r>
          </a:p>
        </p:txBody>
      </p:sp>
      <p:sp>
        <p:nvSpPr>
          <p:cNvPr id="5" name="TextBox 4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billede/</a:t>
            </a:r>
            <a:r>
              <a:rPr lang="da-DK" sz="1200" dirty="0" err="1"/>
              <a:t>graﬁk</a:t>
            </a:r>
            <a:r>
              <a:rPr lang="da-DK" sz="1200" dirty="0"/>
              <a:t> udskiftes. Tekstboksen kan ﬂyttes rundt ift. billedet, vælg boksen</a:t>
            </a:r>
            <a:r>
              <a:rPr lang="da-DK" sz="1200" baseline="0" dirty="0"/>
              <a:t> og al teksten i boksen</a:t>
            </a:r>
            <a:r>
              <a:rPr lang="da-DK" sz="1200" dirty="0"/>
              <a:t>. Farven på tekst og tekstboks kan ændres til hvid/rød/grå.</a:t>
            </a:r>
          </a:p>
        </p:txBody>
      </p:sp>
      <p:sp>
        <p:nvSpPr>
          <p:cNvPr id="13" name="Slide Number Placeholder 5" hidden="1"/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" b="1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fld id="{24C8C45C-947F-4981-8B3F-4F32E973C901}" type="slidenum">
              <a:rPr lang="da-DK" smtClean="0"/>
              <a:pPr rtl="0"/>
              <a:t>‹nr.›</a:t>
            </a:fld>
            <a:endParaRPr lang="da-DK" dirty="0"/>
          </a:p>
        </p:txBody>
      </p:sp>
      <p:sp>
        <p:nvSpPr>
          <p:cNvPr id="14" name="Footer Placeholder 4" hidden="1"/>
          <p:cNvSpPr>
            <a:spLocks noGrp="1"/>
          </p:cNvSpPr>
          <p:nvPr>
            <p:ph type="ftr" sz="quarter" idx="3"/>
          </p:nvPr>
        </p:nvSpPr>
        <p:spPr>
          <a:xfrm>
            <a:off x="0" y="70644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7" name="Date Placeholder 11" hidden="1"/>
          <p:cNvSpPr>
            <a:spLocks noGrp="1"/>
          </p:cNvSpPr>
          <p:nvPr>
            <p:ph type="dt" sz="half" idx="10"/>
          </p:nvPr>
        </p:nvSpPr>
        <p:spPr>
          <a:xfrm>
            <a:off x="0" y="6984000"/>
            <a:ext cx="0" cy="0"/>
          </a:xfrm>
        </p:spPr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15" name="Placeholder logo"/>
          <p:cNvSpPr>
            <a:spLocks noGrp="1"/>
          </p:cNvSpPr>
          <p:nvPr>
            <p:ph type="body" sz="quarter" idx="19" hasCustomPrompt="1"/>
          </p:nvPr>
        </p:nvSpPr>
        <p:spPr>
          <a:xfrm>
            <a:off x="10809164" y="398179"/>
            <a:ext cx="1051200" cy="14868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da-DK" dirty="0"/>
          </a:p>
        </p:txBody>
      </p:sp>
      <p:sp>
        <p:nvSpPr>
          <p:cNvPr id="18" name="Rectangle 17"/>
          <p:cNvSpPr/>
          <p:nvPr userDrawn="1"/>
        </p:nvSpPr>
        <p:spPr>
          <a:xfrm>
            <a:off x="11765941" y="-300028"/>
            <a:ext cx="160500" cy="1605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0" name="Rectangle 19"/>
          <p:cNvSpPr/>
          <p:nvPr userDrawn="1"/>
        </p:nvSpPr>
        <p:spPr>
          <a:xfrm>
            <a:off x="11964594" y="-300028"/>
            <a:ext cx="160500" cy="160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1" name="Rectangle 20"/>
          <p:cNvSpPr/>
          <p:nvPr userDrawn="1"/>
        </p:nvSpPr>
        <p:spPr>
          <a:xfrm>
            <a:off x="12163247" y="-300028"/>
            <a:ext cx="160500" cy="160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517276021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dhold og bille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4204010" y="2000207"/>
            <a:ext cx="5112790" cy="720000"/>
          </a:xfrm>
        </p:spPr>
        <p:txBody>
          <a:bodyPr anchor="t" anchorCtr="0"/>
          <a:lstStyle>
            <a:lvl1pPr>
              <a:lnSpc>
                <a:spcPct val="97000"/>
              </a:lnSpc>
              <a:defRPr lang="da-DK" sz="2400" dirty="0"/>
            </a:lvl1pPr>
          </a:lstStyle>
          <a:p>
            <a:r>
              <a:rPr lang="da-DK" dirty="0"/>
              <a:t>Click to edit Master title style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idx="1"/>
          </p:nvPr>
        </p:nvSpPr>
        <p:spPr>
          <a:xfrm>
            <a:off x="4204009" y="2835762"/>
            <a:ext cx="5112791" cy="3266238"/>
          </a:xfrm>
        </p:spPr>
        <p:txBody>
          <a:bodyPr/>
          <a:lstStyle>
            <a:lvl1pPr>
              <a:buClr>
                <a:schemeClr val="tx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2"/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2"/>
              </a:buClr>
              <a:defRPr>
                <a:solidFill>
                  <a:schemeClr val="tx1"/>
                </a:solidFill>
              </a:defRPr>
            </a:lvl4pPr>
            <a:lvl5pPr>
              <a:buClr>
                <a:schemeClr val="tx2"/>
              </a:buCl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noProof="0" dirty="0"/>
              <a:t>Edit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1540800" y="1540800"/>
            <a:ext cx="2448000" cy="2448000"/>
          </a:xfrm>
          <a:solidFill>
            <a:schemeClr val="bg1">
              <a:lumMod val="85000"/>
            </a:schemeClr>
          </a:solidFill>
        </p:spPr>
        <p:txBody>
          <a:bodyPr tIns="900000" anchor="ctr" anchorCtr="0"/>
          <a:lstStyle>
            <a:lvl1pPr marL="0" indent="0" algn="ctr">
              <a:buNone/>
              <a:defRPr sz="1600">
                <a:solidFill>
                  <a:schemeClr val="tx2"/>
                </a:solidFill>
              </a:defRPr>
            </a:lvl1pPr>
          </a:lstStyle>
          <a:p>
            <a:r>
              <a:rPr lang="da-DK" noProof="0" dirty="0"/>
              <a:t>Klik på ikonet for at tilføje et billede</a:t>
            </a:r>
          </a:p>
        </p:txBody>
      </p:sp>
      <p:sp>
        <p:nvSpPr>
          <p:cNvPr id="18" name="Freeform: Shape 4"/>
          <p:cNvSpPr>
            <a:spLocks noGrp="1"/>
          </p:cNvSpPr>
          <p:nvPr>
            <p:ph type="pic" sz="quarter" idx="16" hasCustomPrompt="1"/>
          </p:nvPr>
        </p:nvSpPr>
        <p:spPr>
          <a:xfrm>
            <a:off x="9532800" y="4204800"/>
            <a:ext cx="2448000" cy="2448000"/>
          </a:xfrm>
          <a:custGeom>
            <a:avLst/>
            <a:gdLst>
              <a:gd name="connsiteX0" fmla="*/ 0 w 4392000"/>
              <a:gd name="connsiteY0" fmla="*/ 0 h 4392000"/>
              <a:gd name="connsiteX1" fmla="*/ 1073 w 4392000"/>
              <a:gd name="connsiteY1" fmla="*/ 0 h 4392000"/>
              <a:gd name="connsiteX2" fmla="*/ 8578 w 4392000"/>
              <a:gd name="connsiteY2" fmla="*/ 0 h 4392000"/>
              <a:gd name="connsiteX3" fmla="*/ 28951 w 4392000"/>
              <a:gd name="connsiteY3" fmla="*/ 0 h 4392000"/>
              <a:gd name="connsiteX4" fmla="*/ 68625 w 4392000"/>
              <a:gd name="connsiteY4" fmla="*/ 0 h 4392000"/>
              <a:gd name="connsiteX5" fmla="*/ 97711 w 4392000"/>
              <a:gd name="connsiteY5" fmla="*/ 0 h 4392000"/>
              <a:gd name="connsiteX6" fmla="*/ 134034 w 4392000"/>
              <a:gd name="connsiteY6" fmla="*/ 0 h 4392000"/>
              <a:gd name="connsiteX7" fmla="*/ 178399 w 4392000"/>
              <a:gd name="connsiteY7" fmla="*/ 0 h 4392000"/>
              <a:gd name="connsiteX8" fmla="*/ 231610 w 4392000"/>
              <a:gd name="connsiteY8" fmla="*/ 0 h 4392000"/>
              <a:gd name="connsiteX9" fmla="*/ 294471 w 4392000"/>
              <a:gd name="connsiteY9" fmla="*/ 0 h 4392000"/>
              <a:gd name="connsiteX10" fmla="*/ 367787 w 4392000"/>
              <a:gd name="connsiteY10" fmla="*/ 0 h 4392000"/>
              <a:gd name="connsiteX11" fmla="*/ 452362 w 4392000"/>
              <a:gd name="connsiteY11" fmla="*/ 0 h 4392000"/>
              <a:gd name="connsiteX12" fmla="*/ 549000 w 4392000"/>
              <a:gd name="connsiteY12" fmla="*/ 0 h 4392000"/>
              <a:gd name="connsiteX13" fmla="*/ 658505 w 4392000"/>
              <a:gd name="connsiteY13" fmla="*/ 0 h 4392000"/>
              <a:gd name="connsiteX14" fmla="*/ 781682 w 4392000"/>
              <a:gd name="connsiteY14" fmla="*/ 0 h 4392000"/>
              <a:gd name="connsiteX15" fmla="*/ 919334 w 4392000"/>
              <a:gd name="connsiteY15" fmla="*/ 0 h 4392000"/>
              <a:gd name="connsiteX16" fmla="*/ 1072266 w 4392000"/>
              <a:gd name="connsiteY16" fmla="*/ 0 h 4392000"/>
              <a:gd name="connsiteX17" fmla="*/ 1241282 w 4392000"/>
              <a:gd name="connsiteY17" fmla="*/ 0 h 4392000"/>
              <a:gd name="connsiteX18" fmla="*/ 1427186 w 4392000"/>
              <a:gd name="connsiteY18" fmla="*/ 0 h 4392000"/>
              <a:gd name="connsiteX19" fmla="*/ 1630782 w 4392000"/>
              <a:gd name="connsiteY19" fmla="*/ 0 h 4392000"/>
              <a:gd name="connsiteX20" fmla="*/ 1852875 w 4392000"/>
              <a:gd name="connsiteY20" fmla="*/ 0 h 4392000"/>
              <a:gd name="connsiteX21" fmla="*/ 2094269 w 4392000"/>
              <a:gd name="connsiteY21" fmla="*/ 0 h 4392000"/>
              <a:gd name="connsiteX22" fmla="*/ 2355768 w 4392000"/>
              <a:gd name="connsiteY22" fmla="*/ 0 h 4392000"/>
              <a:gd name="connsiteX23" fmla="*/ 2638176 w 4392000"/>
              <a:gd name="connsiteY23" fmla="*/ 0 h 4392000"/>
              <a:gd name="connsiteX24" fmla="*/ 2942297 w 4392000"/>
              <a:gd name="connsiteY24" fmla="*/ 0 h 4392000"/>
              <a:gd name="connsiteX25" fmla="*/ 3268936 w 4392000"/>
              <a:gd name="connsiteY25" fmla="*/ 0 h 4392000"/>
              <a:gd name="connsiteX26" fmla="*/ 3618896 w 4392000"/>
              <a:gd name="connsiteY26" fmla="*/ 0 h 4392000"/>
              <a:gd name="connsiteX27" fmla="*/ 3992983 w 4392000"/>
              <a:gd name="connsiteY27" fmla="*/ 0 h 4392000"/>
              <a:gd name="connsiteX28" fmla="*/ 4392000 w 4392000"/>
              <a:gd name="connsiteY28" fmla="*/ 0 h 4392000"/>
              <a:gd name="connsiteX29" fmla="*/ 4392000 w 4392000"/>
              <a:gd name="connsiteY29" fmla="*/ 930 h 4392000"/>
              <a:gd name="connsiteX30" fmla="*/ 4392000 w 4392000"/>
              <a:gd name="connsiteY30" fmla="*/ 7437 h 4392000"/>
              <a:gd name="connsiteX31" fmla="*/ 4392000 w 4392000"/>
              <a:gd name="connsiteY31" fmla="*/ 25100 h 4392000"/>
              <a:gd name="connsiteX32" fmla="*/ 4392000 w 4392000"/>
              <a:gd name="connsiteY32" fmla="*/ 59495 h 4392000"/>
              <a:gd name="connsiteX33" fmla="*/ 4392000 w 4392000"/>
              <a:gd name="connsiteY33" fmla="*/ 116201 h 4392000"/>
              <a:gd name="connsiteX34" fmla="*/ 4392000 w 4392000"/>
              <a:gd name="connsiteY34" fmla="*/ 154663 h 4392000"/>
              <a:gd name="connsiteX35" fmla="*/ 4392000 w 4392000"/>
              <a:gd name="connsiteY35" fmla="*/ 200795 h 4392000"/>
              <a:gd name="connsiteX36" fmla="*/ 4392000 w 4392000"/>
              <a:gd name="connsiteY36" fmla="*/ 255293 h 4392000"/>
              <a:gd name="connsiteX37" fmla="*/ 4392000 w 4392000"/>
              <a:gd name="connsiteY37" fmla="*/ 318855 h 4392000"/>
              <a:gd name="connsiteX38" fmla="*/ 4392000 w 4392000"/>
              <a:gd name="connsiteY38" fmla="*/ 392178 h 4392000"/>
              <a:gd name="connsiteX39" fmla="*/ 4392000 w 4392000"/>
              <a:gd name="connsiteY39" fmla="*/ 475959 h 4392000"/>
              <a:gd name="connsiteX40" fmla="*/ 4392000 w 4392000"/>
              <a:gd name="connsiteY40" fmla="*/ 570895 h 4392000"/>
              <a:gd name="connsiteX41" fmla="*/ 4392000 w 4392000"/>
              <a:gd name="connsiteY41" fmla="*/ 677684 h 4392000"/>
              <a:gd name="connsiteX42" fmla="*/ 4392000 w 4392000"/>
              <a:gd name="connsiteY42" fmla="*/ 797022 h 4392000"/>
              <a:gd name="connsiteX43" fmla="*/ 4392000 w 4392000"/>
              <a:gd name="connsiteY43" fmla="*/ 929607 h 4392000"/>
              <a:gd name="connsiteX44" fmla="*/ 4392000 w 4392000"/>
              <a:gd name="connsiteY44" fmla="*/ 1076136 h 4392000"/>
              <a:gd name="connsiteX45" fmla="*/ 4392000 w 4392000"/>
              <a:gd name="connsiteY45" fmla="*/ 1237307 h 4392000"/>
              <a:gd name="connsiteX46" fmla="*/ 4392000 w 4392000"/>
              <a:gd name="connsiteY46" fmla="*/ 1413816 h 4392000"/>
              <a:gd name="connsiteX47" fmla="*/ 4392000 w 4392000"/>
              <a:gd name="connsiteY47" fmla="*/ 1606361 h 4392000"/>
              <a:gd name="connsiteX48" fmla="*/ 4392000 w 4392000"/>
              <a:gd name="connsiteY48" fmla="*/ 1815639 h 4392000"/>
              <a:gd name="connsiteX49" fmla="*/ 4392000 w 4392000"/>
              <a:gd name="connsiteY49" fmla="*/ 2042347 h 4392000"/>
              <a:gd name="connsiteX50" fmla="*/ 4392000 w 4392000"/>
              <a:gd name="connsiteY50" fmla="*/ 2287182 h 4392000"/>
              <a:gd name="connsiteX51" fmla="*/ 4392000 w 4392000"/>
              <a:gd name="connsiteY51" fmla="*/ 2550842 h 4392000"/>
              <a:gd name="connsiteX52" fmla="*/ 4392000 w 4392000"/>
              <a:gd name="connsiteY52" fmla="*/ 2834023 h 4392000"/>
              <a:gd name="connsiteX53" fmla="*/ 4392000 w 4392000"/>
              <a:gd name="connsiteY53" fmla="*/ 3137424 h 4392000"/>
              <a:gd name="connsiteX54" fmla="*/ 4392000 w 4392000"/>
              <a:gd name="connsiteY54" fmla="*/ 3461740 h 4392000"/>
              <a:gd name="connsiteX55" fmla="*/ 4392000 w 4392000"/>
              <a:gd name="connsiteY55" fmla="*/ 3807670 h 4392000"/>
              <a:gd name="connsiteX56" fmla="*/ 3808093 w 4392000"/>
              <a:gd name="connsiteY56" fmla="*/ 4392000 h 4392000"/>
              <a:gd name="connsiteX57" fmla="*/ 3807163 w 4392000"/>
              <a:gd name="connsiteY57" fmla="*/ 4392000 h 4392000"/>
              <a:gd name="connsiteX58" fmla="*/ 3800655 w 4392000"/>
              <a:gd name="connsiteY58" fmla="*/ 4392000 h 4392000"/>
              <a:gd name="connsiteX59" fmla="*/ 3782991 w 4392000"/>
              <a:gd name="connsiteY59" fmla="*/ 4392000 h 4392000"/>
              <a:gd name="connsiteX60" fmla="*/ 3748592 w 4392000"/>
              <a:gd name="connsiteY60" fmla="*/ 4392000 h 4392000"/>
              <a:gd name="connsiteX61" fmla="*/ 3691879 w 4392000"/>
              <a:gd name="connsiteY61" fmla="*/ 4392000 h 4392000"/>
              <a:gd name="connsiteX62" fmla="*/ 3653412 w 4392000"/>
              <a:gd name="connsiteY62" fmla="*/ 4392000 h 4392000"/>
              <a:gd name="connsiteX63" fmla="*/ 3607276 w 4392000"/>
              <a:gd name="connsiteY63" fmla="*/ 4392000 h 4392000"/>
              <a:gd name="connsiteX64" fmla="*/ 3552771 w 4392000"/>
              <a:gd name="connsiteY64" fmla="*/ 4392000 h 4392000"/>
              <a:gd name="connsiteX65" fmla="*/ 3489202 w 4392000"/>
              <a:gd name="connsiteY65" fmla="*/ 4392000 h 4392000"/>
              <a:gd name="connsiteX66" fmla="*/ 3415872 w 4392000"/>
              <a:gd name="connsiteY66" fmla="*/ 4392000 h 4392000"/>
              <a:gd name="connsiteX67" fmla="*/ 3332081 w 4392000"/>
              <a:gd name="connsiteY67" fmla="*/ 4392000 h 4392000"/>
              <a:gd name="connsiteX68" fmla="*/ 3237135 w 4392000"/>
              <a:gd name="connsiteY68" fmla="*/ 4392000 h 4392000"/>
              <a:gd name="connsiteX69" fmla="*/ 3130334 w 4392000"/>
              <a:gd name="connsiteY69" fmla="*/ 4392000 h 4392000"/>
              <a:gd name="connsiteX70" fmla="*/ 3010983 w 4392000"/>
              <a:gd name="connsiteY70" fmla="*/ 4392000 h 4392000"/>
              <a:gd name="connsiteX71" fmla="*/ 2878383 w 4392000"/>
              <a:gd name="connsiteY71" fmla="*/ 4392000 h 4392000"/>
              <a:gd name="connsiteX72" fmla="*/ 2731837 w 4392000"/>
              <a:gd name="connsiteY72" fmla="*/ 4392000 h 4392000"/>
              <a:gd name="connsiteX73" fmla="*/ 2570649 w 4392000"/>
              <a:gd name="connsiteY73" fmla="*/ 4392000 h 4392000"/>
              <a:gd name="connsiteX74" fmla="*/ 2394120 w 4392000"/>
              <a:gd name="connsiteY74" fmla="*/ 4392000 h 4392000"/>
              <a:gd name="connsiteX75" fmla="*/ 2201554 w 4392000"/>
              <a:gd name="connsiteY75" fmla="*/ 4392000 h 4392000"/>
              <a:gd name="connsiteX76" fmla="*/ 1992253 w 4392000"/>
              <a:gd name="connsiteY76" fmla="*/ 4392000 h 4392000"/>
              <a:gd name="connsiteX77" fmla="*/ 1765520 w 4392000"/>
              <a:gd name="connsiteY77" fmla="*/ 4392000 h 4392000"/>
              <a:gd name="connsiteX78" fmla="*/ 1520657 w 4392000"/>
              <a:gd name="connsiteY78" fmla="*/ 4392000 h 4392000"/>
              <a:gd name="connsiteX79" fmla="*/ 1256968 w 4392000"/>
              <a:gd name="connsiteY79" fmla="*/ 4392000 h 4392000"/>
              <a:gd name="connsiteX80" fmla="*/ 973755 w 4392000"/>
              <a:gd name="connsiteY80" fmla="*/ 4392000 h 4392000"/>
              <a:gd name="connsiteX81" fmla="*/ 670321 w 4392000"/>
              <a:gd name="connsiteY81" fmla="*/ 4392000 h 4392000"/>
              <a:gd name="connsiteX82" fmla="*/ 345969 w 4392000"/>
              <a:gd name="connsiteY82" fmla="*/ 4392000 h 4392000"/>
              <a:gd name="connsiteX83" fmla="*/ 0 w 4392000"/>
              <a:gd name="connsiteY83" fmla="*/ 4392000 h 43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</a:cxnLst>
            <a:rect l="l" t="t" r="r" b="b"/>
            <a:pathLst>
              <a:path w="4392000" h="4392000">
                <a:moveTo>
                  <a:pt x="0" y="0"/>
                </a:moveTo>
                <a:lnTo>
                  <a:pt x="1073" y="0"/>
                </a:lnTo>
                <a:lnTo>
                  <a:pt x="8578" y="0"/>
                </a:lnTo>
                <a:lnTo>
                  <a:pt x="28951" y="0"/>
                </a:lnTo>
                <a:lnTo>
                  <a:pt x="68625" y="0"/>
                </a:lnTo>
                <a:lnTo>
                  <a:pt x="97711" y="0"/>
                </a:lnTo>
                <a:lnTo>
                  <a:pt x="134034" y="0"/>
                </a:lnTo>
                <a:lnTo>
                  <a:pt x="178399" y="0"/>
                </a:lnTo>
                <a:lnTo>
                  <a:pt x="231610" y="0"/>
                </a:lnTo>
                <a:lnTo>
                  <a:pt x="294471" y="0"/>
                </a:lnTo>
                <a:lnTo>
                  <a:pt x="367787" y="0"/>
                </a:lnTo>
                <a:lnTo>
                  <a:pt x="452362" y="0"/>
                </a:lnTo>
                <a:lnTo>
                  <a:pt x="549000" y="0"/>
                </a:lnTo>
                <a:lnTo>
                  <a:pt x="658505" y="0"/>
                </a:lnTo>
                <a:lnTo>
                  <a:pt x="781682" y="0"/>
                </a:lnTo>
                <a:lnTo>
                  <a:pt x="919334" y="0"/>
                </a:lnTo>
                <a:lnTo>
                  <a:pt x="1072266" y="0"/>
                </a:lnTo>
                <a:lnTo>
                  <a:pt x="1241282" y="0"/>
                </a:lnTo>
                <a:lnTo>
                  <a:pt x="1427186" y="0"/>
                </a:lnTo>
                <a:lnTo>
                  <a:pt x="1630782" y="0"/>
                </a:lnTo>
                <a:lnTo>
                  <a:pt x="1852875" y="0"/>
                </a:lnTo>
                <a:lnTo>
                  <a:pt x="2094269" y="0"/>
                </a:lnTo>
                <a:lnTo>
                  <a:pt x="2355768" y="0"/>
                </a:lnTo>
                <a:lnTo>
                  <a:pt x="2638176" y="0"/>
                </a:lnTo>
                <a:lnTo>
                  <a:pt x="2942297" y="0"/>
                </a:lnTo>
                <a:lnTo>
                  <a:pt x="3268936" y="0"/>
                </a:lnTo>
                <a:lnTo>
                  <a:pt x="3618896" y="0"/>
                </a:lnTo>
                <a:lnTo>
                  <a:pt x="3992983" y="0"/>
                </a:lnTo>
                <a:lnTo>
                  <a:pt x="4392000" y="0"/>
                </a:lnTo>
                <a:lnTo>
                  <a:pt x="4392000" y="930"/>
                </a:lnTo>
                <a:lnTo>
                  <a:pt x="4392000" y="7437"/>
                </a:lnTo>
                <a:lnTo>
                  <a:pt x="4392000" y="25100"/>
                </a:lnTo>
                <a:lnTo>
                  <a:pt x="4392000" y="59495"/>
                </a:lnTo>
                <a:lnTo>
                  <a:pt x="4392000" y="116201"/>
                </a:lnTo>
                <a:lnTo>
                  <a:pt x="4392000" y="154663"/>
                </a:lnTo>
                <a:lnTo>
                  <a:pt x="4392000" y="200795"/>
                </a:lnTo>
                <a:lnTo>
                  <a:pt x="4392000" y="255293"/>
                </a:lnTo>
                <a:lnTo>
                  <a:pt x="4392000" y="318855"/>
                </a:lnTo>
                <a:lnTo>
                  <a:pt x="4392000" y="392178"/>
                </a:lnTo>
                <a:lnTo>
                  <a:pt x="4392000" y="475959"/>
                </a:lnTo>
                <a:lnTo>
                  <a:pt x="4392000" y="570895"/>
                </a:lnTo>
                <a:lnTo>
                  <a:pt x="4392000" y="677684"/>
                </a:lnTo>
                <a:lnTo>
                  <a:pt x="4392000" y="797022"/>
                </a:lnTo>
                <a:lnTo>
                  <a:pt x="4392000" y="929607"/>
                </a:lnTo>
                <a:lnTo>
                  <a:pt x="4392000" y="1076136"/>
                </a:lnTo>
                <a:lnTo>
                  <a:pt x="4392000" y="1237307"/>
                </a:lnTo>
                <a:lnTo>
                  <a:pt x="4392000" y="1413816"/>
                </a:lnTo>
                <a:lnTo>
                  <a:pt x="4392000" y="1606361"/>
                </a:lnTo>
                <a:lnTo>
                  <a:pt x="4392000" y="1815639"/>
                </a:lnTo>
                <a:lnTo>
                  <a:pt x="4392000" y="2042347"/>
                </a:lnTo>
                <a:lnTo>
                  <a:pt x="4392000" y="2287182"/>
                </a:lnTo>
                <a:lnTo>
                  <a:pt x="4392000" y="2550842"/>
                </a:lnTo>
                <a:lnTo>
                  <a:pt x="4392000" y="2834023"/>
                </a:lnTo>
                <a:lnTo>
                  <a:pt x="4392000" y="3137424"/>
                </a:lnTo>
                <a:lnTo>
                  <a:pt x="4392000" y="3461740"/>
                </a:lnTo>
                <a:lnTo>
                  <a:pt x="4392000" y="3807670"/>
                </a:lnTo>
                <a:cubicBezTo>
                  <a:pt x="4163515" y="4036321"/>
                  <a:pt x="4036578" y="4163349"/>
                  <a:pt x="3808093" y="4392000"/>
                </a:cubicBezTo>
                <a:lnTo>
                  <a:pt x="3807163" y="4392000"/>
                </a:lnTo>
                <a:lnTo>
                  <a:pt x="3800655" y="4392000"/>
                </a:lnTo>
                <a:lnTo>
                  <a:pt x="3782991" y="4392000"/>
                </a:lnTo>
                <a:lnTo>
                  <a:pt x="3748592" y="4392000"/>
                </a:lnTo>
                <a:lnTo>
                  <a:pt x="3691879" y="4392000"/>
                </a:lnTo>
                <a:lnTo>
                  <a:pt x="3653412" y="4392000"/>
                </a:lnTo>
                <a:lnTo>
                  <a:pt x="3607276" y="4392000"/>
                </a:lnTo>
                <a:lnTo>
                  <a:pt x="3552771" y="4392000"/>
                </a:lnTo>
                <a:lnTo>
                  <a:pt x="3489202" y="4392000"/>
                </a:lnTo>
                <a:lnTo>
                  <a:pt x="3415872" y="4392000"/>
                </a:lnTo>
                <a:lnTo>
                  <a:pt x="3332081" y="4392000"/>
                </a:lnTo>
                <a:lnTo>
                  <a:pt x="3237135" y="4392000"/>
                </a:lnTo>
                <a:lnTo>
                  <a:pt x="3130334" y="4392000"/>
                </a:lnTo>
                <a:lnTo>
                  <a:pt x="3010983" y="4392000"/>
                </a:lnTo>
                <a:lnTo>
                  <a:pt x="2878383" y="4392000"/>
                </a:lnTo>
                <a:lnTo>
                  <a:pt x="2731837" y="4392000"/>
                </a:lnTo>
                <a:lnTo>
                  <a:pt x="2570649" y="4392000"/>
                </a:lnTo>
                <a:lnTo>
                  <a:pt x="2394120" y="4392000"/>
                </a:lnTo>
                <a:lnTo>
                  <a:pt x="2201554" y="4392000"/>
                </a:lnTo>
                <a:lnTo>
                  <a:pt x="1992253" y="4392000"/>
                </a:lnTo>
                <a:lnTo>
                  <a:pt x="1765520" y="4392000"/>
                </a:lnTo>
                <a:lnTo>
                  <a:pt x="1520657" y="4392000"/>
                </a:lnTo>
                <a:lnTo>
                  <a:pt x="1256968" y="4392000"/>
                </a:lnTo>
                <a:lnTo>
                  <a:pt x="973755" y="4392000"/>
                </a:lnTo>
                <a:lnTo>
                  <a:pt x="670321" y="4392000"/>
                </a:lnTo>
                <a:lnTo>
                  <a:pt x="345969" y="4392000"/>
                </a:lnTo>
                <a:lnTo>
                  <a:pt x="0" y="4392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tIns="180000" anchor="t" anchorCtr="0">
            <a:noAutofit/>
          </a:bodyPr>
          <a:lstStyle>
            <a:lvl1pPr marL="0" indent="0" algn="ctr">
              <a:buNone/>
              <a:defRPr sz="1600">
                <a:solidFill>
                  <a:schemeClr val="tx2"/>
                </a:solidFill>
              </a:defRPr>
            </a:lvl1pPr>
          </a:lstStyle>
          <a:p>
            <a:r>
              <a:rPr lang="da-DK" noProof="0" dirty="0"/>
              <a:t>Klik på denne pladsholder og indsæt billede via Skyfish</a:t>
            </a:r>
          </a:p>
        </p:txBody>
      </p:sp>
      <p:sp>
        <p:nvSpPr>
          <p:cNvPr id="24" name="grafik nederst"/>
          <p:cNvSpPr/>
          <p:nvPr userDrawn="1"/>
        </p:nvSpPr>
        <p:spPr>
          <a:xfrm>
            <a:off x="0" y="4204800"/>
            <a:ext cx="3988800" cy="2653200"/>
          </a:xfrm>
          <a:custGeom>
            <a:avLst/>
            <a:gdLst>
              <a:gd name="connsiteX0" fmla="*/ 0 w 3988800"/>
              <a:gd name="connsiteY0" fmla="*/ 0 h 2620800"/>
              <a:gd name="connsiteX1" fmla="*/ 6469 w 3988800"/>
              <a:gd name="connsiteY1" fmla="*/ 0 h 2620800"/>
              <a:gd name="connsiteX2" fmla="*/ 21831 w 3988800"/>
              <a:gd name="connsiteY2" fmla="*/ 0 h 2620800"/>
              <a:gd name="connsiteX3" fmla="*/ 51748 w 3988800"/>
              <a:gd name="connsiteY3" fmla="*/ 0 h 2620800"/>
              <a:gd name="connsiteX4" fmla="*/ 101071 w 3988800"/>
              <a:gd name="connsiteY4" fmla="*/ 0 h 2620800"/>
              <a:gd name="connsiteX5" fmla="*/ 174650 w 3988800"/>
              <a:gd name="connsiteY5" fmla="*/ 0 h 2620800"/>
              <a:gd name="connsiteX6" fmla="*/ 277337 w 3988800"/>
              <a:gd name="connsiteY6" fmla="*/ 0 h 2620800"/>
              <a:gd name="connsiteX7" fmla="*/ 413984 w 3988800"/>
              <a:gd name="connsiteY7" fmla="*/ 0 h 2620800"/>
              <a:gd name="connsiteX8" fmla="*/ 589443 w 3988800"/>
              <a:gd name="connsiteY8" fmla="*/ 0 h 2620800"/>
              <a:gd name="connsiteX9" fmla="*/ 693242 w 3988800"/>
              <a:gd name="connsiteY9" fmla="*/ 0 h 2620800"/>
              <a:gd name="connsiteX10" fmla="*/ 808563 w 3988800"/>
              <a:gd name="connsiteY10" fmla="*/ 0 h 2620800"/>
              <a:gd name="connsiteX11" fmla="*/ 936013 w 3988800"/>
              <a:gd name="connsiteY11" fmla="*/ 0 h 2620800"/>
              <a:gd name="connsiteX12" fmla="*/ 1076198 w 3988800"/>
              <a:gd name="connsiteY12" fmla="*/ 0 h 2620800"/>
              <a:gd name="connsiteX13" fmla="*/ 1229724 w 3988800"/>
              <a:gd name="connsiteY13" fmla="*/ 0 h 2620800"/>
              <a:gd name="connsiteX14" fmla="*/ 1397197 w 3988800"/>
              <a:gd name="connsiteY14" fmla="*/ 0 h 2620800"/>
              <a:gd name="connsiteX15" fmla="*/ 1579225 w 3988800"/>
              <a:gd name="connsiteY15" fmla="*/ 0 h 2620800"/>
              <a:gd name="connsiteX16" fmla="*/ 1776413 w 3988800"/>
              <a:gd name="connsiteY16" fmla="*/ 0 h 2620800"/>
              <a:gd name="connsiteX17" fmla="*/ 1989369 w 3988800"/>
              <a:gd name="connsiteY17" fmla="*/ 0 h 2620800"/>
              <a:gd name="connsiteX18" fmla="*/ 2218697 w 3988800"/>
              <a:gd name="connsiteY18" fmla="*/ 0 h 2620800"/>
              <a:gd name="connsiteX19" fmla="*/ 2465006 w 3988800"/>
              <a:gd name="connsiteY19" fmla="*/ 0 h 2620800"/>
              <a:gd name="connsiteX20" fmla="*/ 2728901 w 3988800"/>
              <a:gd name="connsiteY20" fmla="*/ 0 h 2620800"/>
              <a:gd name="connsiteX21" fmla="*/ 3010988 w 3988800"/>
              <a:gd name="connsiteY21" fmla="*/ 0 h 2620800"/>
              <a:gd name="connsiteX22" fmla="*/ 3311875 w 3988800"/>
              <a:gd name="connsiteY22" fmla="*/ 0 h 2620800"/>
              <a:gd name="connsiteX23" fmla="*/ 3988800 w 3988800"/>
              <a:gd name="connsiteY23" fmla="*/ 681670 h 2620800"/>
              <a:gd name="connsiteX24" fmla="*/ 3988800 w 3988800"/>
              <a:gd name="connsiteY24" fmla="*/ 685460 h 2620800"/>
              <a:gd name="connsiteX25" fmla="*/ 3988800 w 3988800"/>
              <a:gd name="connsiteY25" fmla="*/ 694461 h 2620800"/>
              <a:gd name="connsiteX26" fmla="*/ 3988800 w 3988800"/>
              <a:gd name="connsiteY26" fmla="*/ 711988 h 2620800"/>
              <a:gd name="connsiteX27" fmla="*/ 3988800 w 3988800"/>
              <a:gd name="connsiteY27" fmla="*/ 740886 h 2620800"/>
              <a:gd name="connsiteX28" fmla="*/ 3988800 w 3988800"/>
              <a:gd name="connsiteY28" fmla="*/ 783995 h 2620800"/>
              <a:gd name="connsiteX29" fmla="*/ 3988800 w 3988800"/>
              <a:gd name="connsiteY29" fmla="*/ 844158 h 2620800"/>
              <a:gd name="connsiteX30" fmla="*/ 3988800 w 3988800"/>
              <a:gd name="connsiteY30" fmla="*/ 924218 h 2620800"/>
              <a:gd name="connsiteX31" fmla="*/ 3988800 w 3988800"/>
              <a:gd name="connsiteY31" fmla="*/ 1027016 h 2620800"/>
              <a:gd name="connsiteX32" fmla="*/ 3988800 w 3988800"/>
              <a:gd name="connsiteY32" fmla="*/ 1155396 h 2620800"/>
              <a:gd name="connsiteX33" fmla="*/ 3988800 w 3988800"/>
              <a:gd name="connsiteY33" fmla="*/ 1230067 h 2620800"/>
              <a:gd name="connsiteX34" fmla="*/ 3988800 w 3988800"/>
              <a:gd name="connsiteY34" fmla="*/ 1312199 h 2620800"/>
              <a:gd name="connsiteX35" fmla="*/ 3988800 w 3988800"/>
              <a:gd name="connsiteY35" fmla="*/ 1402148 h 2620800"/>
              <a:gd name="connsiteX36" fmla="*/ 3988800 w 3988800"/>
              <a:gd name="connsiteY36" fmla="*/ 1500268 h 2620800"/>
              <a:gd name="connsiteX37" fmla="*/ 3988800 w 3988800"/>
              <a:gd name="connsiteY37" fmla="*/ 1606916 h 2620800"/>
              <a:gd name="connsiteX38" fmla="*/ 3988800 w 3988800"/>
              <a:gd name="connsiteY38" fmla="*/ 1722446 h 2620800"/>
              <a:gd name="connsiteX39" fmla="*/ 3988800 w 3988800"/>
              <a:gd name="connsiteY39" fmla="*/ 1847213 h 2620800"/>
              <a:gd name="connsiteX40" fmla="*/ 3988800 w 3988800"/>
              <a:gd name="connsiteY40" fmla="*/ 1981574 h 2620800"/>
              <a:gd name="connsiteX41" fmla="*/ 3988800 w 3988800"/>
              <a:gd name="connsiteY41" fmla="*/ 2125882 h 2620800"/>
              <a:gd name="connsiteX42" fmla="*/ 3988800 w 3988800"/>
              <a:gd name="connsiteY42" fmla="*/ 2280495 h 2620800"/>
              <a:gd name="connsiteX43" fmla="*/ 3988800 w 3988800"/>
              <a:gd name="connsiteY43" fmla="*/ 2445766 h 2620800"/>
              <a:gd name="connsiteX44" fmla="*/ 3988800 w 3988800"/>
              <a:gd name="connsiteY44" fmla="*/ 2620800 h 2620800"/>
              <a:gd name="connsiteX45" fmla="*/ 2122510 w 3988800"/>
              <a:gd name="connsiteY45" fmla="*/ 2620800 h 2620800"/>
              <a:gd name="connsiteX46" fmla="*/ 2122510 w 3988800"/>
              <a:gd name="connsiteY46" fmla="*/ 2619425 h 2620800"/>
              <a:gd name="connsiteX47" fmla="*/ 2122510 w 3988800"/>
              <a:gd name="connsiteY47" fmla="*/ 1277735 h 2620800"/>
              <a:gd name="connsiteX48" fmla="*/ 765495 w 3988800"/>
              <a:gd name="connsiteY48" fmla="*/ 1277735 h 2620800"/>
              <a:gd name="connsiteX49" fmla="*/ 765495 w 3988800"/>
              <a:gd name="connsiteY49" fmla="*/ 2499919 h 2620800"/>
              <a:gd name="connsiteX50" fmla="*/ 765495 w 3988800"/>
              <a:gd name="connsiteY50" fmla="*/ 2620800 h 2620800"/>
              <a:gd name="connsiteX51" fmla="*/ 0 w 3988800"/>
              <a:gd name="connsiteY51" fmla="*/ 2620800 h 2620800"/>
              <a:gd name="connsiteX52" fmla="*/ 0 w 3988800"/>
              <a:gd name="connsiteY52" fmla="*/ 2616930 h 2620800"/>
              <a:gd name="connsiteX53" fmla="*/ 0 w 3988800"/>
              <a:gd name="connsiteY53" fmla="*/ 2604767 h 2620800"/>
              <a:gd name="connsiteX54" fmla="*/ 0 w 3988800"/>
              <a:gd name="connsiteY54" fmla="*/ 2581081 h 2620800"/>
              <a:gd name="connsiteX55" fmla="*/ 0 w 3988800"/>
              <a:gd name="connsiteY55" fmla="*/ 2542032 h 2620800"/>
              <a:gd name="connsiteX56" fmla="*/ 0 w 3988800"/>
              <a:gd name="connsiteY56" fmla="*/ 2483779 h 2620800"/>
              <a:gd name="connsiteX57" fmla="*/ 0 w 3988800"/>
              <a:gd name="connsiteY57" fmla="*/ 2402480 h 2620800"/>
              <a:gd name="connsiteX58" fmla="*/ 0 w 3988800"/>
              <a:gd name="connsiteY58" fmla="*/ 2351988 h 2620800"/>
              <a:gd name="connsiteX59" fmla="*/ 0 w 3988800"/>
              <a:gd name="connsiteY59" fmla="*/ 2294295 h 2620800"/>
              <a:gd name="connsiteX60" fmla="*/ 0 w 3988800"/>
              <a:gd name="connsiteY60" fmla="*/ 2228919 h 2620800"/>
              <a:gd name="connsiteX61" fmla="*/ 0 w 3988800"/>
              <a:gd name="connsiteY61" fmla="*/ 2155382 h 2620800"/>
              <a:gd name="connsiteX62" fmla="*/ 0 w 3988800"/>
              <a:gd name="connsiteY62" fmla="*/ 2073203 h 2620800"/>
              <a:gd name="connsiteX63" fmla="*/ 0 w 3988800"/>
              <a:gd name="connsiteY63" fmla="*/ 1981902 h 2620800"/>
              <a:gd name="connsiteX64" fmla="*/ 0 w 3988800"/>
              <a:gd name="connsiteY64" fmla="*/ 1880998 h 2620800"/>
              <a:gd name="connsiteX65" fmla="*/ 0 w 3988800"/>
              <a:gd name="connsiteY65" fmla="*/ 1770012 h 2620800"/>
              <a:gd name="connsiteX66" fmla="*/ 0 w 3988800"/>
              <a:gd name="connsiteY66" fmla="*/ 1648464 h 2620800"/>
              <a:gd name="connsiteX67" fmla="*/ 0 w 3988800"/>
              <a:gd name="connsiteY67" fmla="*/ 1515873 h 2620800"/>
              <a:gd name="connsiteX68" fmla="*/ 0 w 3988800"/>
              <a:gd name="connsiteY68" fmla="*/ 1371760 h 2620800"/>
              <a:gd name="connsiteX69" fmla="*/ 0 w 3988800"/>
              <a:gd name="connsiteY69" fmla="*/ 1215643 h 2620800"/>
              <a:gd name="connsiteX70" fmla="*/ 0 w 3988800"/>
              <a:gd name="connsiteY70" fmla="*/ 1047044 h 2620800"/>
              <a:gd name="connsiteX71" fmla="*/ 0 w 3988800"/>
              <a:gd name="connsiteY71" fmla="*/ 865482 h 2620800"/>
              <a:gd name="connsiteX72" fmla="*/ 0 w 3988800"/>
              <a:gd name="connsiteY72" fmla="*/ 670476 h 2620800"/>
              <a:gd name="connsiteX73" fmla="*/ 0 w 3988800"/>
              <a:gd name="connsiteY73" fmla="*/ 461548 h 2620800"/>
              <a:gd name="connsiteX74" fmla="*/ 0 w 3988800"/>
              <a:gd name="connsiteY74" fmla="*/ 238216 h 2620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</a:cxnLst>
            <a:rect l="l" t="t" r="r" b="b"/>
            <a:pathLst>
              <a:path w="3988800" h="2620800">
                <a:moveTo>
                  <a:pt x="0" y="0"/>
                </a:moveTo>
                <a:lnTo>
                  <a:pt x="6469" y="0"/>
                </a:lnTo>
                <a:lnTo>
                  <a:pt x="21831" y="0"/>
                </a:lnTo>
                <a:lnTo>
                  <a:pt x="51748" y="0"/>
                </a:lnTo>
                <a:lnTo>
                  <a:pt x="101071" y="0"/>
                </a:lnTo>
                <a:lnTo>
                  <a:pt x="174650" y="0"/>
                </a:lnTo>
                <a:lnTo>
                  <a:pt x="277337" y="0"/>
                </a:lnTo>
                <a:lnTo>
                  <a:pt x="413984" y="0"/>
                </a:lnTo>
                <a:lnTo>
                  <a:pt x="589443" y="0"/>
                </a:lnTo>
                <a:lnTo>
                  <a:pt x="693242" y="0"/>
                </a:lnTo>
                <a:lnTo>
                  <a:pt x="808563" y="0"/>
                </a:lnTo>
                <a:lnTo>
                  <a:pt x="936013" y="0"/>
                </a:lnTo>
                <a:lnTo>
                  <a:pt x="1076198" y="0"/>
                </a:lnTo>
                <a:lnTo>
                  <a:pt x="1229724" y="0"/>
                </a:lnTo>
                <a:lnTo>
                  <a:pt x="1397197" y="0"/>
                </a:lnTo>
                <a:lnTo>
                  <a:pt x="1579225" y="0"/>
                </a:lnTo>
                <a:lnTo>
                  <a:pt x="1776413" y="0"/>
                </a:lnTo>
                <a:lnTo>
                  <a:pt x="1989369" y="0"/>
                </a:lnTo>
                <a:lnTo>
                  <a:pt x="2218697" y="0"/>
                </a:lnTo>
                <a:lnTo>
                  <a:pt x="2465006" y="0"/>
                </a:lnTo>
                <a:lnTo>
                  <a:pt x="2728901" y="0"/>
                </a:lnTo>
                <a:lnTo>
                  <a:pt x="3010988" y="0"/>
                </a:lnTo>
                <a:lnTo>
                  <a:pt x="3311875" y="0"/>
                </a:lnTo>
                <a:cubicBezTo>
                  <a:pt x="3577584" y="266327"/>
                  <a:pt x="3726254" y="415343"/>
                  <a:pt x="3988800" y="681670"/>
                </a:cubicBezTo>
                <a:lnTo>
                  <a:pt x="3988800" y="685460"/>
                </a:lnTo>
                <a:lnTo>
                  <a:pt x="3988800" y="694461"/>
                </a:lnTo>
                <a:lnTo>
                  <a:pt x="3988800" y="711988"/>
                </a:lnTo>
                <a:lnTo>
                  <a:pt x="3988800" y="740886"/>
                </a:lnTo>
                <a:lnTo>
                  <a:pt x="3988800" y="783995"/>
                </a:lnTo>
                <a:lnTo>
                  <a:pt x="3988800" y="844158"/>
                </a:lnTo>
                <a:lnTo>
                  <a:pt x="3988800" y="924218"/>
                </a:lnTo>
                <a:lnTo>
                  <a:pt x="3988800" y="1027016"/>
                </a:lnTo>
                <a:lnTo>
                  <a:pt x="3988800" y="1155396"/>
                </a:lnTo>
                <a:lnTo>
                  <a:pt x="3988800" y="1230067"/>
                </a:lnTo>
                <a:lnTo>
                  <a:pt x="3988800" y="1312199"/>
                </a:lnTo>
                <a:lnTo>
                  <a:pt x="3988800" y="1402148"/>
                </a:lnTo>
                <a:lnTo>
                  <a:pt x="3988800" y="1500268"/>
                </a:lnTo>
                <a:lnTo>
                  <a:pt x="3988800" y="1606916"/>
                </a:lnTo>
                <a:lnTo>
                  <a:pt x="3988800" y="1722446"/>
                </a:lnTo>
                <a:lnTo>
                  <a:pt x="3988800" y="1847213"/>
                </a:lnTo>
                <a:lnTo>
                  <a:pt x="3988800" y="1981574"/>
                </a:lnTo>
                <a:lnTo>
                  <a:pt x="3988800" y="2125882"/>
                </a:lnTo>
                <a:lnTo>
                  <a:pt x="3988800" y="2280495"/>
                </a:lnTo>
                <a:lnTo>
                  <a:pt x="3988800" y="2445766"/>
                </a:lnTo>
                <a:lnTo>
                  <a:pt x="3988800" y="2620800"/>
                </a:lnTo>
                <a:lnTo>
                  <a:pt x="2122510" y="2620800"/>
                </a:lnTo>
                <a:lnTo>
                  <a:pt x="2122510" y="2619425"/>
                </a:lnTo>
                <a:cubicBezTo>
                  <a:pt x="2122510" y="2601046"/>
                  <a:pt x="2122510" y="2454011"/>
                  <a:pt x="2122510" y="1277735"/>
                </a:cubicBezTo>
                <a:cubicBezTo>
                  <a:pt x="2122510" y="1277735"/>
                  <a:pt x="2122510" y="1277735"/>
                  <a:pt x="765495" y="1277735"/>
                </a:cubicBezTo>
                <a:cubicBezTo>
                  <a:pt x="765495" y="1277735"/>
                  <a:pt x="765495" y="1277735"/>
                  <a:pt x="765495" y="2499919"/>
                </a:cubicBezTo>
                <a:lnTo>
                  <a:pt x="765495" y="2620800"/>
                </a:lnTo>
                <a:lnTo>
                  <a:pt x="0" y="2620800"/>
                </a:lnTo>
                <a:lnTo>
                  <a:pt x="0" y="2616930"/>
                </a:lnTo>
                <a:lnTo>
                  <a:pt x="0" y="2604767"/>
                </a:lnTo>
                <a:lnTo>
                  <a:pt x="0" y="2581081"/>
                </a:lnTo>
                <a:lnTo>
                  <a:pt x="0" y="2542032"/>
                </a:lnTo>
                <a:lnTo>
                  <a:pt x="0" y="2483779"/>
                </a:lnTo>
                <a:lnTo>
                  <a:pt x="0" y="2402480"/>
                </a:lnTo>
                <a:lnTo>
                  <a:pt x="0" y="2351988"/>
                </a:lnTo>
                <a:lnTo>
                  <a:pt x="0" y="2294295"/>
                </a:lnTo>
                <a:lnTo>
                  <a:pt x="0" y="2228919"/>
                </a:lnTo>
                <a:lnTo>
                  <a:pt x="0" y="2155382"/>
                </a:lnTo>
                <a:lnTo>
                  <a:pt x="0" y="2073203"/>
                </a:lnTo>
                <a:lnTo>
                  <a:pt x="0" y="1981902"/>
                </a:lnTo>
                <a:lnTo>
                  <a:pt x="0" y="1880998"/>
                </a:lnTo>
                <a:lnTo>
                  <a:pt x="0" y="1770012"/>
                </a:lnTo>
                <a:lnTo>
                  <a:pt x="0" y="1648464"/>
                </a:lnTo>
                <a:lnTo>
                  <a:pt x="0" y="1515873"/>
                </a:lnTo>
                <a:lnTo>
                  <a:pt x="0" y="1371760"/>
                </a:lnTo>
                <a:lnTo>
                  <a:pt x="0" y="1215643"/>
                </a:lnTo>
                <a:lnTo>
                  <a:pt x="0" y="1047044"/>
                </a:lnTo>
                <a:lnTo>
                  <a:pt x="0" y="865482"/>
                </a:lnTo>
                <a:lnTo>
                  <a:pt x="0" y="670476"/>
                </a:lnTo>
                <a:lnTo>
                  <a:pt x="0" y="461548"/>
                </a:lnTo>
                <a:lnTo>
                  <a:pt x="0" y="238216"/>
                </a:lnTo>
                <a:close/>
              </a:path>
            </a:pathLst>
          </a:cu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0" name="Grafik top"/>
          <p:cNvSpPr/>
          <p:nvPr userDrawn="1"/>
        </p:nvSpPr>
        <p:spPr>
          <a:xfrm>
            <a:off x="4204009" y="0"/>
            <a:ext cx="2448000" cy="1327939"/>
          </a:xfrm>
          <a:custGeom>
            <a:avLst/>
            <a:gdLst>
              <a:gd name="connsiteX0" fmla="*/ 0 w 2448000"/>
              <a:gd name="connsiteY0" fmla="*/ 0 h 1327939"/>
              <a:gd name="connsiteX1" fmla="*/ 2448000 w 2448000"/>
              <a:gd name="connsiteY1" fmla="*/ 0 h 1327939"/>
              <a:gd name="connsiteX2" fmla="*/ 2448000 w 2448000"/>
              <a:gd name="connsiteY2" fmla="*/ 1327939 h 1327939"/>
              <a:gd name="connsiteX3" fmla="*/ 1796441 w 2448000"/>
              <a:gd name="connsiteY3" fmla="*/ 1327939 h 1327939"/>
              <a:gd name="connsiteX4" fmla="*/ 898221 w 2448000"/>
              <a:gd name="connsiteY4" fmla="*/ 262175 h 1327939"/>
              <a:gd name="connsiteX5" fmla="*/ 898221 w 2448000"/>
              <a:gd name="connsiteY5" fmla="*/ 1327939 h 1327939"/>
              <a:gd name="connsiteX6" fmla="*/ 0 w 2448000"/>
              <a:gd name="connsiteY6" fmla="*/ 1327939 h 13279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448000" h="1327939">
                <a:moveTo>
                  <a:pt x="0" y="0"/>
                </a:moveTo>
                <a:lnTo>
                  <a:pt x="2448000" y="0"/>
                </a:lnTo>
                <a:lnTo>
                  <a:pt x="2448000" y="1327939"/>
                </a:lnTo>
                <a:lnTo>
                  <a:pt x="1796441" y="1327939"/>
                </a:lnTo>
                <a:lnTo>
                  <a:pt x="898221" y="262175"/>
                </a:lnTo>
                <a:lnTo>
                  <a:pt x="898221" y="1327939"/>
                </a:lnTo>
                <a:lnTo>
                  <a:pt x="0" y="1327939"/>
                </a:lnTo>
                <a:close/>
              </a:path>
            </a:pathLst>
          </a:cu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1" name="TextBox 30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billederne udskiftes. </a:t>
            </a:r>
          </a:p>
        </p:txBody>
      </p:sp>
      <p:sp>
        <p:nvSpPr>
          <p:cNvPr id="12" name="Date Placeholder 1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13" name="Footer Placeholder 1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4" name="Slide Number Placeholder 13" hidden="1"/>
          <p:cNvSpPr>
            <a:spLocks noGrp="1"/>
          </p:cNvSpPr>
          <p:nvPr>
            <p:ph type="sldNum" sz="quarter" idx="12"/>
          </p:nvPr>
        </p:nvSpPr>
        <p:spPr>
          <a:xfrm>
            <a:off x="0" y="6984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8781965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ød baggr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pic>
        <p:nvPicPr>
          <p:cNvPr id="2" name="smid ud" hidden="1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33" y="0"/>
            <a:ext cx="12179334" cy="6858000"/>
          </a:xfrm>
          <a:prstGeom prst="rect">
            <a:avLst/>
          </a:prstGeom>
        </p:spPr>
      </p:pic>
      <p:sp>
        <p:nvSpPr>
          <p:cNvPr id="9" name="Title 1"/>
          <p:cNvSpPr>
            <a:spLocks noGrp="1"/>
          </p:cNvSpPr>
          <p:nvPr>
            <p:ph type="title"/>
          </p:nvPr>
        </p:nvSpPr>
        <p:spPr>
          <a:xfrm>
            <a:off x="6870893" y="1964224"/>
            <a:ext cx="4472585" cy="733525"/>
          </a:xfrm>
        </p:spPr>
        <p:txBody>
          <a:bodyPr anchor="t" anchorCtr="0"/>
          <a:lstStyle>
            <a:lvl1pPr>
              <a:lnSpc>
                <a:spcPct val="93000"/>
              </a:lnSpc>
              <a:defRPr sz="2500">
                <a:solidFill>
                  <a:schemeClr val="bg2"/>
                </a:solidFill>
              </a:defRPr>
            </a:lvl1pPr>
          </a:lstStyle>
          <a:p>
            <a:r>
              <a:rPr lang="da-DK" dirty="0"/>
              <a:t>Click to edit Master title style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idx="1"/>
          </p:nvPr>
        </p:nvSpPr>
        <p:spPr>
          <a:xfrm>
            <a:off x="6870894" y="2840798"/>
            <a:ext cx="4472585" cy="3224985"/>
          </a:xfrm>
        </p:spPr>
        <p:txBody>
          <a:bodyPr/>
          <a:lstStyle>
            <a:lvl1pPr>
              <a:buClr>
                <a:schemeClr val="bg2"/>
              </a:buClr>
              <a:defRPr>
                <a:solidFill>
                  <a:schemeClr val="bg2"/>
                </a:solidFill>
              </a:defRPr>
            </a:lvl1pPr>
            <a:lvl2pPr>
              <a:buClr>
                <a:schemeClr val="bg2"/>
              </a:buClr>
              <a:defRPr>
                <a:solidFill>
                  <a:schemeClr val="bg2"/>
                </a:solidFill>
              </a:defRPr>
            </a:lvl2pPr>
            <a:lvl3pPr>
              <a:buClr>
                <a:schemeClr val="bg2"/>
              </a:buClr>
              <a:defRPr>
                <a:solidFill>
                  <a:schemeClr val="bg2"/>
                </a:solidFill>
              </a:defRPr>
            </a:lvl3pPr>
            <a:lvl4pPr>
              <a:buClr>
                <a:schemeClr val="bg2"/>
              </a:buClr>
              <a:defRPr>
                <a:solidFill>
                  <a:schemeClr val="bg2"/>
                </a:solidFill>
              </a:defRPr>
            </a:lvl4pPr>
            <a:lvl5pPr>
              <a:buClr>
                <a:schemeClr val="bg2"/>
              </a:buClr>
              <a:defRPr>
                <a:solidFill>
                  <a:schemeClr val="bg2"/>
                </a:solidFill>
              </a:defRPr>
            </a:lvl5pPr>
            <a:lvl6pPr>
              <a:buClr>
                <a:schemeClr val="bg2"/>
              </a:buClr>
              <a:defRPr>
                <a:solidFill>
                  <a:schemeClr val="bg2"/>
                </a:solidFill>
              </a:defRPr>
            </a:lvl6pPr>
            <a:lvl7pPr>
              <a:buClr>
                <a:schemeClr val="bg2"/>
              </a:buClr>
              <a:defRPr>
                <a:solidFill>
                  <a:schemeClr val="bg2"/>
                </a:solidFill>
              </a:defRPr>
            </a:lvl7pPr>
            <a:lvl8pPr>
              <a:buClr>
                <a:schemeClr val="bg2"/>
              </a:buClr>
              <a:defRPr>
                <a:solidFill>
                  <a:schemeClr val="bg2"/>
                </a:solidFill>
              </a:defRPr>
            </a:lvl8pPr>
            <a:lvl9pPr>
              <a:buClr>
                <a:schemeClr val="bg2"/>
              </a:buCl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da-DK" noProof="0" dirty="0"/>
              <a:t>Edit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5"/>
            <a:r>
              <a:rPr lang="da-DK" noProof="0" dirty="0"/>
              <a:t>6</a:t>
            </a:r>
          </a:p>
          <a:p>
            <a:pPr lvl="6"/>
            <a:r>
              <a:rPr lang="da-DK" noProof="0" dirty="0"/>
              <a:t>7</a:t>
            </a:r>
          </a:p>
          <a:p>
            <a:pPr lvl="7"/>
            <a:r>
              <a:rPr lang="da-DK" noProof="0" dirty="0"/>
              <a:t>8</a:t>
            </a:r>
          </a:p>
          <a:p>
            <a:pPr lvl="8"/>
            <a:r>
              <a:rPr lang="da-DK" noProof="0" dirty="0"/>
              <a:t>9</a:t>
            </a:r>
          </a:p>
        </p:txBody>
      </p:sp>
      <p:sp>
        <p:nvSpPr>
          <p:cNvPr id="14" name="Slide Number Placeholder 1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Date Placeholder 1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13" name="Footer Placeholder 1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0" name="TextBox 19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billedet udskiftes. </a:t>
            </a:r>
          </a:p>
        </p:txBody>
      </p:sp>
      <p:sp>
        <p:nvSpPr>
          <p:cNvPr id="17" name="Picture Placeholder 16"/>
          <p:cNvSpPr>
            <a:spLocks noGrp="1"/>
          </p:cNvSpPr>
          <p:nvPr>
            <p:ph type="pic" sz="quarter" idx="16" hasCustomPrompt="1"/>
          </p:nvPr>
        </p:nvSpPr>
        <p:spPr>
          <a:xfrm>
            <a:off x="208799" y="208799"/>
            <a:ext cx="6444000" cy="6444000"/>
          </a:xfrm>
          <a:custGeom>
            <a:avLst/>
            <a:gdLst>
              <a:gd name="connsiteX0" fmla="*/ 0 w 6444000"/>
              <a:gd name="connsiteY0" fmla="*/ 0 h 6444000"/>
              <a:gd name="connsiteX1" fmla="*/ 1364 w 6444000"/>
              <a:gd name="connsiteY1" fmla="*/ 0 h 6444000"/>
              <a:gd name="connsiteX2" fmla="*/ 10912 w 6444000"/>
              <a:gd name="connsiteY2" fmla="*/ 0 h 6444000"/>
              <a:gd name="connsiteX3" fmla="*/ 36828 w 6444000"/>
              <a:gd name="connsiteY3" fmla="*/ 0 h 6444000"/>
              <a:gd name="connsiteX4" fmla="*/ 58481 w 6444000"/>
              <a:gd name="connsiteY4" fmla="*/ 0 h 6444000"/>
              <a:gd name="connsiteX5" fmla="*/ 87296 w 6444000"/>
              <a:gd name="connsiteY5" fmla="*/ 0 h 6444000"/>
              <a:gd name="connsiteX6" fmla="*/ 124294 w 6444000"/>
              <a:gd name="connsiteY6" fmla="*/ 0 h 6444000"/>
              <a:gd name="connsiteX7" fmla="*/ 170499 w 6444000"/>
              <a:gd name="connsiteY7" fmla="*/ 0 h 6444000"/>
              <a:gd name="connsiteX8" fmla="*/ 226935 w 6444000"/>
              <a:gd name="connsiteY8" fmla="*/ 0 h 6444000"/>
              <a:gd name="connsiteX9" fmla="*/ 294623 w 6444000"/>
              <a:gd name="connsiteY9" fmla="*/ 0 h 6444000"/>
              <a:gd name="connsiteX10" fmla="*/ 374587 w 6444000"/>
              <a:gd name="connsiteY10" fmla="*/ 0 h 6444000"/>
              <a:gd name="connsiteX11" fmla="*/ 467850 w 6444000"/>
              <a:gd name="connsiteY11" fmla="*/ 0 h 6444000"/>
              <a:gd name="connsiteX12" fmla="*/ 575435 w 6444000"/>
              <a:gd name="connsiteY12" fmla="*/ 0 h 6444000"/>
              <a:gd name="connsiteX13" fmla="*/ 698365 w 6444000"/>
              <a:gd name="connsiteY13" fmla="*/ 0 h 6444000"/>
              <a:gd name="connsiteX14" fmla="*/ 837663 w 6444000"/>
              <a:gd name="connsiteY14" fmla="*/ 0 h 6444000"/>
              <a:gd name="connsiteX15" fmla="*/ 994351 w 6444000"/>
              <a:gd name="connsiteY15" fmla="*/ 0 h 6444000"/>
              <a:gd name="connsiteX16" fmla="*/ 1169454 w 6444000"/>
              <a:gd name="connsiteY16" fmla="*/ 0 h 6444000"/>
              <a:gd name="connsiteX17" fmla="*/ 1363993 w 6444000"/>
              <a:gd name="connsiteY17" fmla="*/ 0 h 6444000"/>
              <a:gd name="connsiteX18" fmla="*/ 1578993 w 6444000"/>
              <a:gd name="connsiteY18" fmla="*/ 0 h 6444000"/>
              <a:gd name="connsiteX19" fmla="*/ 1815475 w 6444000"/>
              <a:gd name="connsiteY19" fmla="*/ 0 h 6444000"/>
              <a:gd name="connsiteX20" fmla="*/ 2074464 w 6444000"/>
              <a:gd name="connsiteY20" fmla="*/ 0 h 6444000"/>
              <a:gd name="connsiteX21" fmla="*/ 2356981 w 6444000"/>
              <a:gd name="connsiteY21" fmla="*/ 0 h 6444000"/>
              <a:gd name="connsiteX22" fmla="*/ 2664050 w 6444000"/>
              <a:gd name="connsiteY22" fmla="*/ 0 h 6444000"/>
              <a:gd name="connsiteX23" fmla="*/ 2996693 w 6444000"/>
              <a:gd name="connsiteY23" fmla="*/ 0 h 6444000"/>
              <a:gd name="connsiteX24" fmla="*/ 3355935 w 6444000"/>
              <a:gd name="connsiteY24" fmla="*/ 0 h 6444000"/>
              <a:gd name="connsiteX25" fmla="*/ 3742798 w 6444000"/>
              <a:gd name="connsiteY25" fmla="*/ 0 h 6444000"/>
              <a:gd name="connsiteX26" fmla="*/ 4158304 w 6444000"/>
              <a:gd name="connsiteY26" fmla="*/ 0 h 6444000"/>
              <a:gd name="connsiteX27" fmla="*/ 4377119 w 6444000"/>
              <a:gd name="connsiteY27" fmla="*/ 0 h 6444000"/>
              <a:gd name="connsiteX28" fmla="*/ 4603478 w 6444000"/>
              <a:gd name="connsiteY28" fmla="*/ 0 h 6444000"/>
              <a:gd name="connsiteX29" fmla="*/ 4837509 w 6444000"/>
              <a:gd name="connsiteY29" fmla="*/ 0 h 6444000"/>
              <a:gd name="connsiteX30" fmla="*/ 5079341 w 6444000"/>
              <a:gd name="connsiteY30" fmla="*/ 0 h 6444000"/>
              <a:gd name="connsiteX31" fmla="*/ 5329101 w 6444000"/>
              <a:gd name="connsiteY31" fmla="*/ 0 h 6444000"/>
              <a:gd name="connsiteX32" fmla="*/ 5586917 w 6444000"/>
              <a:gd name="connsiteY32" fmla="*/ 0 h 6444000"/>
              <a:gd name="connsiteX33" fmla="*/ 6444000 w 6444000"/>
              <a:gd name="connsiteY33" fmla="*/ 857084 h 6444000"/>
              <a:gd name="connsiteX34" fmla="*/ 6444000 w 6444000"/>
              <a:gd name="connsiteY34" fmla="*/ 858448 h 6444000"/>
              <a:gd name="connsiteX35" fmla="*/ 6444000 w 6444000"/>
              <a:gd name="connsiteY35" fmla="*/ 867996 h 6444000"/>
              <a:gd name="connsiteX36" fmla="*/ 6444000 w 6444000"/>
              <a:gd name="connsiteY36" fmla="*/ 893912 h 6444000"/>
              <a:gd name="connsiteX37" fmla="*/ 6444000 w 6444000"/>
              <a:gd name="connsiteY37" fmla="*/ 915565 h 6444000"/>
              <a:gd name="connsiteX38" fmla="*/ 6444000 w 6444000"/>
              <a:gd name="connsiteY38" fmla="*/ 944379 h 6444000"/>
              <a:gd name="connsiteX39" fmla="*/ 6444000 w 6444000"/>
              <a:gd name="connsiteY39" fmla="*/ 981378 h 6444000"/>
              <a:gd name="connsiteX40" fmla="*/ 6444000 w 6444000"/>
              <a:gd name="connsiteY40" fmla="*/ 1027583 h 6444000"/>
              <a:gd name="connsiteX41" fmla="*/ 6444000 w 6444000"/>
              <a:gd name="connsiteY41" fmla="*/ 1084018 h 6444000"/>
              <a:gd name="connsiteX42" fmla="*/ 6444000 w 6444000"/>
              <a:gd name="connsiteY42" fmla="*/ 1151706 h 6444000"/>
              <a:gd name="connsiteX43" fmla="*/ 6444000 w 6444000"/>
              <a:gd name="connsiteY43" fmla="*/ 1231671 h 6444000"/>
              <a:gd name="connsiteX44" fmla="*/ 6444000 w 6444000"/>
              <a:gd name="connsiteY44" fmla="*/ 1324934 h 6444000"/>
              <a:gd name="connsiteX45" fmla="*/ 6444000 w 6444000"/>
              <a:gd name="connsiteY45" fmla="*/ 1432519 h 6444000"/>
              <a:gd name="connsiteX46" fmla="*/ 6444000 w 6444000"/>
              <a:gd name="connsiteY46" fmla="*/ 1555448 h 6444000"/>
              <a:gd name="connsiteX47" fmla="*/ 6444000 w 6444000"/>
              <a:gd name="connsiteY47" fmla="*/ 1694746 h 6444000"/>
              <a:gd name="connsiteX48" fmla="*/ 6444000 w 6444000"/>
              <a:gd name="connsiteY48" fmla="*/ 1851435 h 6444000"/>
              <a:gd name="connsiteX49" fmla="*/ 6444000 w 6444000"/>
              <a:gd name="connsiteY49" fmla="*/ 2026538 h 6444000"/>
              <a:gd name="connsiteX50" fmla="*/ 6444000 w 6444000"/>
              <a:gd name="connsiteY50" fmla="*/ 2221077 h 6444000"/>
              <a:gd name="connsiteX51" fmla="*/ 6444000 w 6444000"/>
              <a:gd name="connsiteY51" fmla="*/ 2436077 h 6444000"/>
              <a:gd name="connsiteX52" fmla="*/ 6444000 w 6444000"/>
              <a:gd name="connsiteY52" fmla="*/ 2672559 h 6444000"/>
              <a:gd name="connsiteX53" fmla="*/ 6444000 w 6444000"/>
              <a:gd name="connsiteY53" fmla="*/ 2931547 h 6444000"/>
              <a:gd name="connsiteX54" fmla="*/ 6444000 w 6444000"/>
              <a:gd name="connsiteY54" fmla="*/ 3214064 h 6444000"/>
              <a:gd name="connsiteX55" fmla="*/ 6444000 w 6444000"/>
              <a:gd name="connsiteY55" fmla="*/ 3521133 h 6444000"/>
              <a:gd name="connsiteX56" fmla="*/ 6444000 w 6444000"/>
              <a:gd name="connsiteY56" fmla="*/ 3853777 h 6444000"/>
              <a:gd name="connsiteX57" fmla="*/ 6444000 w 6444000"/>
              <a:gd name="connsiteY57" fmla="*/ 4213019 h 6444000"/>
              <a:gd name="connsiteX58" fmla="*/ 6444000 w 6444000"/>
              <a:gd name="connsiteY58" fmla="*/ 4599881 h 6444000"/>
              <a:gd name="connsiteX59" fmla="*/ 6444000 w 6444000"/>
              <a:gd name="connsiteY59" fmla="*/ 5015388 h 6444000"/>
              <a:gd name="connsiteX60" fmla="*/ 6444000 w 6444000"/>
              <a:gd name="connsiteY60" fmla="*/ 5234202 h 6444000"/>
              <a:gd name="connsiteX61" fmla="*/ 6444000 w 6444000"/>
              <a:gd name="connsiteY61" fmla="*/ 5460561 h 6444000"/>
              <a:gd name="connsiteX62" fmla="*/ 6444000 w 6444000"/>
              <a:gd name="connsiteY62" fmla="*/ 5694593 h 6444000"/>
              <a:gd name="connsiteX63" fmla="*/ 6444000 w 6444000"/>
              <a:gd name="connsiteY63" fmla="*/ 5936424 h 6444000"/>
              <a:gd name="connsiteX64" fmla="*/ 6444000 w 6444000"/>
              <a:gd name="connsiteY64" fmla="*/ 6186184 h 6444000"/>
              <a:gd name="connsiteX65" fmla="*/ 6444000 w 6444000"/>
              <a:gd name="connsiteY65" fmla="*/ 6444000 h 6444000"/>
              <a:gd name="connsiteX66" fmla="*/ 6442427 w 6444000"/>
              <a:gd name="connsiteY66" fmla="*/ 6444000 h 6444000"/>
              <a:gd name="connsiteX67" fmla="*/ 6431414 w 6444000"/>
              <a:gd name="connsiteY67" fmla="*/ 6444000 h 6444000"/>
              <a:gd name="connsiteX68" fmla="*/ 6401523 w 6444000"/>
              <a:gd name="connsiteY68" fmla="*/ 6444000 h 6444000"/>
              <a:gd name="connsiteX69" fmla="*/ 6376548 w 6444000"/>
              <a:gd name="connsiteY69" fmla="*/ 6444000 h 6444000"/>
              <a:gd name="connsiteX70" fmla="*/ 6343313 w 6444000"/>
              <a:gd name="connsiteY70" fmla="*/ 6444000 h 6444000"/>
              <a:gd name="connsiteX71" fmla="*/ 6300639 w 6444000"/>
              <a:gd name="connsiteY71" fmla="*/ 6444000 h 6444000"/>
              <a:gd name="connsiteX72" fmla="*/ 6247345 w 6444000"/>
              <a:gd name="connsiteY72" fmla="*/ 6444000 h 6444000"/>
              <a:gd name="connsiteX73" fmla="*/ 6182252 w 6444000"/>
              <a:gd name="connsiteY73" fmla="*/ 6444000 h 6444000"/>
              <a:gd name="connsiteX74" fmla="*/ 6104180 w 6444000"/>
              <a:gd name="connsiteY74" fmla="*/ 6444000 h 6444000"/>
              <a:gd name="connsiteX75" fmla="*/ 6011949 w 6444000"/>
              <a:gd name="connsiteY75" fmla="*/ 6444000 h 6444000"/>
              <a:gd name="connsiteX76" fmla="*/ 5904378 w 6444000"/>
              <a:gd name="connsiteY76" fmla="*/ 6444000 h 6444000"/>
              <a:gd name="connsiteX77" fmla="*/ 5780289 w 6444000"/>
              <a:gd name="connsiteY77" fmla="*/ 6444000 h 6444000"/>
              <a:gd name="connsiteX78" fmla="*/ 5638500 w 6444000"/>
              <a:gd name="connsiteY78" fmla="*/ 6444000 h 6444000"/>
              <a:gd name="connsiteX79" fmla="*/ 5477833 w 6444000"/>
              <a:gd name="connsiteY79" fmla="*/ 6444000 h 6444000"/>
              <a:gd name="connsiteX80" fmla="*/ 5297107 w 6444000"/>
              <a:gd name="connsiteY80" fmla="*/ 6444000 h 6444000"/>
              <a:gd name="connsiteX81" fmla="*/ 5095142 w 6444000"/>
              <a:gd name="connsiteY81" fmla="*/ 6444000 h 6444000"/>
              <a:gd name="connsiteX82" fmla="*/ 4870758 w 6444000"/>
              <a:gd name="connsiteY82" fmla="*/ 6444000 h 6444000"/>
              <a:gd name="connsiteX83" fmla="*/ 4622776 w 6444000"/>
              <a:gd name="connsiteY83" fmla="*/ 6444000 h 6444000"/>
              <a:gd name="connsiteX84" fmla="*/ 4350015 w 6444000"/>
              <a:gd name="connsiteY84" fmla="*/ 6444000 h 6444000"/>
              <a:gd name="connsiteX85" fmla="*/ 4051296 w 6444000"/>
              <a:gd name="connsiteY85" fmla="*/ 6444000 h 6444000"/>
              <a:gd name="connsiteX86" fmla="*/ 3725438 w 6444000"/>
              <a:gd name="connsiteY86" fmla="*/ 6444000 h 6444000"/>
              <a:gd name="connsiteX87" fmla="*/ 3371262 w 6444000"/>
              <a:gd name="connsiteY87" fmla="*/ 6444000 h 6444000"/>
              <a:gd name="connsiteX88" fmla="*/ 3183185 w 6444000"/>
              <a:gd name="connsiteY88" fmla="*/ 6444000 h 6444000"/>
              <a:gd name="connsiteX89" fmla="*/ 2987587 w 6444000"/>
              <a:gd name="connsiteY89" fmla="*/ 6444000 h 6444000"/>
              <a:gd name="connsiteX90" fmla="*/ 2784319 w 6444000"/>
              <a:gd name="connsiteY90" fmla="*/ 6444000 h 6444000"/>
              <a:gd name="connsiteX91" fmla="*/ 2573234 w 6444000"/>
              <a:gd name="connsiteY91" fmla="*/ 6444000 h 6444000"/>
              <a:gd name="connsiteX92" fmla="*/ 2354185 w 6444000"/>
              <a:gd name="connsiteY92" fmla="*/ 6444000 h 6444000"/>
              <a:gd name="connsiteX93" fmla="*/ 2127024 w 6444000"/>
              <a:gd name="connsiteY93" fmla="*/ 6444000 h 6444000"/>
              <a:gd name="connsiteX94" fmla="*/ 1891603 w 6444000"/>
              <a:gd name="connsiteY94" fmla="*/ 6444000 h 6444000"/>
              <a:gd name="connsiteX95" fmla="*/ 1647775 w 6444000"/>
              <a:gd name="connsiteY95" fmla="*/ 6444000 h 6444000"/>
              <a:gd name="connsiteX96" fmla="*/ 1395392 w 6444000"/>
              <a:gd name="connsiteY96" fmla="*/ 6444000 h 6444000"/>
              <a:gd name="connsiteX97" fmla="*/ 1134308 w 6444000"/>
              <a:gd name="connsiteY97" fmla="*/ 6444000 h 6444000"/>
              <a:gd name="connsiteX98" fmla="*/ 864374 w 6444000"/>
              <a:gd name="connsiteY98" fmla="*/ 6444000 h 6444000"/>
              <a:gd name="connsiteX99" fmla="*/ 585443 w 6444000"/>
              <a:gd name="connsiteY99" fmla="*/ 6444000 h 6444000"/>
              <a:gd name="connsiteX100" fmla="*/ 297367 w 6444000"/>
              <a:gd name="connsiteY100" fmla="*/ 6444000 h 6444000"/>
              <a:gd name="connsiteX101" fmla="*/ 0 w 6444000"/>
              <a:gd name="connsiteY101" fmla="*/ 6444000 h 6444000"/>
              <a:gd name="connsiteX102" fmla="*/ 0 w 6444000"/>
              <a:gd name="connsiteY102" fmla="*/ 6442427 h 6444000"/>
              <a:gd name="connsiteX103" fmla="*/ 0 w 6444000"/>
              <a:gd name="connsiteY103" fmla="*/ 6431414 h 6444000"/>
              <a:gd name="connsiteX104" fmla="*/ 0 w 6444000"/>
              <a:gd name="connsiteY104" fmla="*/ 6401523 h 6444000"/>
              <a:gd name="connsiteX105" fmla="*/ 0 w 6444000"/>
              <a:gd name="connsiteY105" fmla="*/ 6376548 h 6444000"/>
              <a:gd name="connsiteX106" fmla="*/ 0 w 6444000"/>
              <a:gd name="connsiteY106" fmla="*/ 6343313 h 6444000"/>
              <a:gd name="connsiteX107" fmla="*/ 0 w 6444000"/>
              <a:gd name="connsiteY107" fmla="*/ 6300639 h 6444000"/>
              <a:gd name="connsiteX108" fmla="*/ 0 w 6444000"/>
              <a:gd name="connsiteY108" fmla="*/ 6247345 h 6444000"/>
              <a:gd name="connsiteX109" fmla="*/ 0 w 6444000"/>
              <a:gd name="connsiteY109" fmla="*/ 6182252 h 6444000"/>
              <a:gd name="connsiteX110" fmla="*/ 0 w 6444000"/>
              <a:gd name="connsiteY110" fmla="*/ 6104180 h 6444000"/>
              <a:gd name="connsiteX111" fmla="*/ 0 w 6444000"/>
              <a:gd name="connsiteY111" fmla="*/ 6011949 h 6444000"/>
              <a:gd name="connsiteX112" fmla="*/ 0 w 6444000"/>
              <a:gd name="connsiteY112" fmla="*/ 5904378 h 6444000"/>
              <a:gd name="connsiteX113" fmla="*/ 0 w 6444000"/>
              <a:gd name="connsiteY113" fmla="*/ 5780289 h 6444000"/>
              <a:gd name="connsiteX114" fmla="*/ 0 w 6444000"/>
              <a:gd name="connsiteY114" fmla="*/ 5638500 h 6444000"/>
              <a:gd name="connsiteX115" fmla="*/ 0 w 6444000"/>
              <a:gd name="connsiteY115" fmla="*/ 5477833 h 6444000"/>
              <a:gd name="connsiteX116" fmla="*/ 0 w 6444000"/>
              <a:gd name="connsiteY116" fmla="*/ 5297107 h 6444000"/>
              <a:gd name="connsiteX117" fmla="*/ 0 w 6444000"/>
              <a:gd name="connsiteY117" fmla="*/ 5095142 h 6444000"/>
              <a:gd name="connsiteX118" fmla="*/ 0 w 6444000"/>
              <a:gd name="connsiteY118" fmla="*/ 4870758 h 6444000"/>
              <a:gd name="connsiteX119" fmla="*/ 0 w 6444000"/>
              <a:gd name="connsiteY119" fmla="*/ 4622776 h 6444000"/>
              <a:gd name="connsiteX120" fmla="*/ 0 w 6444000"/>
              <a:gd name="connsiteY120" fmla="*/ 4350015 h 6444000"/>
              <a:gd name="connsiteX121" fmla="*/ 0 w 6444000"/>
              <a:gd name="connsiteY121" fmla="*/ 4051296 h 6444000"/>
              <a:gd name="connsiteX122" fmla="*/ 0 w 6444000"/>
              <a:gd name="connsiteY122" fmla="*/ 3725438 h 6444000"/>
              <a:gd name="connsiteX123" fmla="*/ 0 w 6444000"/>
              <a:gd name="connsiteY123" fmla="*/ 3371262 h 6444000"/>
              <a:gd name="connsiteX124" fmla="*/ 0 w 6444000"/>
              <a:gd name="connsiteY124" fmla="*/ 3183185 h 6444000"/>
              <a:gd name="connsiteX125" fmla="*/ 0 w 6444000"/>
              <a:gd name="connsiteY125" fmla="*/ 2987587 h 6444000"/>
              <a:gd name="connsiteX126" fmla="*/ 0 w 6444000"/>
              <a:gd name="connsiteY126" fmla="*/ 2784319 h 6444000"/>
              <a:gd name="connsiteX127" fmla="*/ 0 w 6444000"/>
              <a:gd name="connsiteY127" fmla="*/ 2573234 h 6444000"/>
              <a:gd name="connsiteX128" fmla="*/ 0 w 6444000"/>
              <a:gd name="connsiteY128" fmla="*/ 2354185 h 6444000"/>
              <a:gd name="connsiteX129" fmla="*/ 0 w 6444000"/>
              <a:gd name="connsiteY129" fmla="*/ 2127024 h 6444000"/>
              <a:gd name="connsiteX130" fmla="*/ 0 w 6444000"/>
              <a:gd name="connsiteY130" fmla="*/ 1891603 h 6444000"/>
              <a:gd name="connsiteX131" fmla="*/ 0 w 6444000"/>
              <a:gd name="connsiteY131" fmla="*/ 1647775 h 6444000"/>
              <a:gd name="connsiteX132" fmla="*/ 0 w 6444000"/>
              <a:gd name="connsiteY132" fmla="*/ 1395392 h 6444000"/>
              <a:gd name="connsiteX133" fmla="*/ 0 w 6444000"/>
              <a:gd name="connsiteY133" fmla="*/ 1134308 h 6444000"/>
              <a:gd name="connsiteX134" fmla="*/ 0 w 6444000"/>
              <a:gd name="connsiteY134" fmla="*/ 864374 h 6444000"/>
              <a:gd name="connsiteX135" fmla="*/ 0 w 6444000"/>
              <a:gd name="connsiteY135" fmla="*/ 585443 h 6444000"/>
              <a:gd name="connsiteX136" fmla="*/ 0 w 6444000"/>
              <a:gd name="connsiteY136" fmla="*/ 297367 h 644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</a:cxnLst>
            <a:rect l="l" t="t" r="r" b="b"/>
            <a:pathLst>
              <a:path w="6444000" h="6444000">
                <a:moveTo>
                  <a:pt x="0" y="0"/>
                </a:moveTo>
                <a:lnTo>
                  <a:pt x="1364" y="0"/>
                </a:lnTo>
                <a:lnTo>
                  <a:pt x="10912" y="0"/>
                </a:lnTo>
                <a:lnTo>
                  <a:pt x="36828" y="0"/>
                </a:lnTo>
                <a:lnTo>
                  <a:pt x="58481" y="0"/>
                </a:lnTo>
                <a:lnTo>
                  <a:pt x="87296" y="0"/>
                </a:lnTo>
                <a:lnTo>
                  <a:pt x="124294" y="0"/>
                </a:lnTo>
                <a:lnTo>
                  <a:pt x="170499" y="0"/>
                </a:lnTo>
                <a:lnTo>
                  <a:pt x="226935" y="0"/>
                </a:lnTo>
                <a:lnTo>
                  <a:pt x="294623" y="0"/>
                </a:lnTo>
                <a:lnTo>
                  <a:pt x="374587" y="0"/>
                </a:lnTo>
                <a:lnTo>
                  <a:pt x="467850" y="0"/>
                </a:lnTo>
                <a:lnTo>
                  <a:pt x="575435" y="0"/>
                </a:lnTo>
                <a:lnTo>
                  <a:pt x="698365" y="0"/>
                </a:lnTo>
                <a:lnTo>
                  <a:pt x="837663" y="0"/>
                </a:lnTo>
                <a:lnTo>
                  <a:pt x="994351" y="0"/>
                </a:lnTo>
                <a:lnTo>
                  <a:pt x="1169454" y="0"/>
                </a:lnTo>
                <a:lnTo>
                  <a:pt x="1363993" y="0"/>
                </a:lnTo>
                <a:lnTo>
                  <a:pt x="1578993" y="0"/>
                </a:lnTo>
                <a:lnTo>
                  <a:pt x="1815475" y="0"/>
                </a:lnTo>
                <a:lnTo>
                  <a:pt x="2074464" y="0"/>
                </a:lnTo>
                <a:lnTo>
                  <a:pt x="2356981" y="0"/>
                </a:lnTo>
                <a:lnTo>
                  <a:pt x="2664050" y="0"/>
                </a:lnTo>
                <a:lnTo>
                  <a:pt x="2996693" y="0"/>
                </a:lnTo>
                <a:lnTo>
                  <a:pt x="3355935" y="0"/>
                </a:lnTo>
                <a:lnTo>
                  <a:pt x="3742798" y="0"/>
                </a:lnTo>
                <a:lnTo>
                  <a:pt x="4158304" y="0"/>
                </a:lnTo>
                <a:lnTo>
                  <a:pt x="4377119" y="0"/>
                </a:lnTo>
                <a:lnTo>
                  <a:pt x="4603478" y="0"/>
                </a:lnTo>
                <a:lnTo>
                  <a:pt x="4837509" y="0"/>
                </a:lnTo>
                <a:lnTo>
                  <a:pt x="5079341" y="0"/>
                </a:lnTo>
                <a:lnTo>
                  <a:pt x="5329101" y="0"/>
                </a:lnTo>
                <a:lnTo>
                  <a:pt x="5586917" y="0"/>
                </a:lnTo>
                <a:cubicBezTo>
                  <a:pt x="5923401" y="336485"/>
                  <a:pt x="6110690" y="523774"/>
                  <a:pt x="6444000" y="857084"/>
                </a:cubicBezTo>
                <a:lnTo>
                  <a:pt x="6444000" y="858448"/>
                </a:lnTo>
                <a:lnTo>
                  <a:pt x="6444000" y="867996"/>
                </a:lnTo>
                <a:lnTo>
                  <a:pt x="6444000" y="893912"/>
                </a:lnTo>
                <a:lnTo>
                  <a:pt x="6444000" y="915565"/>
                </a:lnTo>
                <a:lnTo>
                  <a:pt x="6444000" y="944379"/>
                </a:lnTo>
                <a:lnTo>
                  <a:pt x="6444000" y="981378"/>
                </a:lnTo>
                <a:lnTo>
                  <a:pt x="6444000" y="1027583"/>
                </a:lnTo>
                <a:lnTo>
                  <a:pt x="6444000" y="1084018"/>
                </a:lnTo>
                <a:lnTo>
                  <a:pt x="6444000" y="1151706"/>
                </a:lnTo>
                <a:lnTo>
                  <a:pt x="6444000" y="1231671"/>
                </a:lnTo>
                <a:lnTo>
                  <a:pt x="6444000" y="1324934"/>
                </a:lnTo>
                <a:lnTo>
                  <a:pt x="6444000" y="1432519"/>
                </a:lnTo>
                <a:lnTo>
                  <a:pt x="6444000" y="1555448"/>
                </a:lnTo>
                <a:lnTo>
                  <a:pt x="6444000" y="1694746"/>
                </a:lnTo>
                <a:lnTo>
                  <a:pt x="6444000" y="1851435"/>
                </a:lnTo>
                <a:lnTo>
                  <a:pt x="6444000" y="2026538"/>
                </a:lnTo>
                <a:lnTo>
                  <a:pt x="6444000" y="2221077"/>
                </a:lnTo>
                <a:lnTo>
                  <a:pt x="6444000" y="2436077"/>
                </a:lnTo>
                <a:lnTo>
                  <a:pt x="6444000" y="2672559"/>
                </a:lnTo>
                <a:lnTo>
                  <a:pt x="6444000" y="2931547"/>
                </a:lnTo>
                <a:lnTo>
                  <a:pt x="6444000" y="3214064"/>
                </a:lnTo>
                <a:lnTo>
                  <a:pt x="6444000" y="3521133"/>
                </a:lnTo>
                <a:lnTo>
                  <a:pt x="6444000" y="3853777"/>
                </a:lnTo>
                <a:lnTo>
                  <a:pt x="6444000" y="4213019"/>
                </a:lnTo>
                <a:lnTo>
                  <a:pt x="6444000" y="4599881"/>
                </a:lnTo>
                <a:lnTo>
                  <a:pt x="6444000" y="5015388"/>
                </a:lnTo>
                <a:lnTo>
                  <a:pt x="6444000" y="5234202"/>
                </a:lnTo>
                <a:lnTo>
                  <a:pt x="6444000" y="5460561"/>
                </a:lnTo>
                <a:lnTo>
                  <a:pt x="6444000" y="5694593"/>
                </a:lnTo>
                <a:lnTo>
                  <a:pt x="6444000" y="5936424"/>
                </a:lnTo>
                <a:lnTo>
                  <a:pt x="6444000" y="6186184"/>
                </a:lnTo>
                <a:lnTo>
                  <a:pt x="6444000" y="6444000"/>
                </a:lnTo>
                <a:lnTo>
                  <a:pt x="6442427" y="6444000"/>
                </a:lnTo>
                <a:lnTo>
                  <a:pt x="6431414" y="6444000"/>
                </a:lnTo>
                <a:lnTo>
                  <a:pt x="6401523" y="6444000"/>
                </a:lnTo>
                <a:lnTo>
                  <a:pt x="6376548" y="6444000"/>
                </a:lnTo>
                <a:lnTo>
                  <a:pt x="6343313" y="6444000"/>
                </a:lnTo>
                <a:lnTo>
                  <a:pt x="6300639" y="6444000"/>
                </a:lnTo>
                <a:lnTo>
                  <a:pt x="6247345" y="6444000"/>
                </a:lnTo>
                <a:lnTo>
                  <a:pt x="6182252" y="6444000"/>
                </a:lnTo>
                <a:lnTo>
                  <a:pt x="6104180" y="6444000"/>
                </a:lnTo>
                <a:lnTo>
                  <a:pt x="6011949" y="6444000"/>
                </a:lnTo>
                <a:lnTo>
                  <a:pt x="5904378" y="6444000"/>
                </a:lnTo>
                <a:lnTo>
                  <a:pt x="5780289" y="6444000"/>
                </a:lnTo>
                <a:lnTo>
                  <a:pt x="5638500" y="6444000"/>
                </a:lnTo>
                <a:lnTo>
                  <a:pt x="5477833" y="6444000"/>
                </a:lnTo>
                <a:lnTo>
                  <a:pt x="5297107" y="6444000"/>
                </a:lnTo>
                <a:lnTo>
                  <a:pt x="5095142" y="6444000"/>
                </a:lnTo>
                <a:lnTo>
                  <a:pt x="4870758" y="6444000"/>
                </a:lnTo>
                <a:lnTo>
                  <a:pt x="4622776" y="6444000"/>
                </a:lnTo>
                <a:lnTo>
                  <a:pt x="4350015" y="6444000"/>
                </a:lnTo>
                <a:lnTo>
                  <a:pt x="4051296" y="6444000"/>
                </a:lnTo>
                <a:lnTo>
                  <a:pt x="3725438" y="6444000"/>
                </a:lnTo>
                <a:lnTo>
                  <a:pt x="3371262" y="6444000"/>
                </a:lnTo>
                <a:lnTo>
                  <a:pt x="3183185" y="6444000"/>
                </a:lnTo>
                <a:lnTo>
                  <a:pt x="2987587" y="6444000"/>
                </a:lnTo>
                <a:lnTo>
                  <a:pt x="2784319" y="6444000"/>
                </a:lnTo>
                <a:lnTo>
                  <a:pt x="2573234" y="6444000"/>
                </a:lnTo>
                <a:lnTo>
                  <a:pt x="2354185" y="6444000"/>
                </a:lnTo>
                <a:lnTo>
                  <a:pt x="2127024" y="6444000"/>
                </a:lnTo>
                <a:lnTo>
                  <a:pt x="1891603" y="6444000"/>
                </a:lnTo>
                <a:lnTo>
                  <a:pt x="1647775" y="6444000"/>
                </a:lnTo>
                <a:lnTo>
                  <a:pt x="1395392" y="6444000"/>
                </a:lnTo>
                <a:lnTo>
                  <a:pt x="1134308" y="6444000"/>
                </a:lnTo>
                <a:lnTo>
                  <a:pt x="864374" y="6444000"/>
                </a:lnTo>
                <a:lnTo>
                  <a:pt x="585443" y="6444000"/>
                </a:lnTo>
                <a:lnTo>
                  <a:pt x="297367" y="6444000"/>
                </a:lnTo>
                <a:lnTo>
                  <a:pt x="0" y="6444000"/>
                </a:lnTo>
                <a:lnTo>
                  <a:pt x="0" y="6442427"/>
                </a:lnTo>
                <a:lnTo>
                  <a:pt x="0" y="6431414"/>
                </a:lnTo>
                <a:lnTo>
                  <a:pt x="0" y="6401523"/>
                </a:lnTo>
                <a:lnTo>
                  <a:pt x="0" y="6376548"/>
                </a:lnTo>
                <a:lnTo>
                  <a:pt x="0" y="6343313"/>
                </a:lnTo>
                <a:lnTo>
                  <a:pt x="0" y="6300639"/>
                </a:lnTo>
                <a:lnTo>
                  <a:pt x="0" y="6247345"/>
                </a:lnTo>
                <a:lnTo>
                  <a:pt x="0" y="6182252"/>
                </a:lnTo>
                <a:lnTo>
                  <a:pt x="0" y="6104180"/>
                </a:lnTo>
                <a:lnTo>
                  <a:pt x="0" y="6011949"/>
                </a:lnTo>
                <a:lnTo>
                  <a:pt x="0" y="5904378"/>
                </a:lnTo>
                <a:lnTo>
                  <a:pt x="0" y="5780289"/>
                </a:lnTo>
                <a:lnTo>
                  <a:pt x="0" y="5638500"/>
                </a:lnTo>
                <a:lnTo>
                  <a:pt x="0" y="5477833"/>
                </a:lnTo>
                <a:lnTo>
                  <a:pt x="0" y="5297107"/>
                </a:lnTo>
                <a:lnTo>
                  <a:pt x="0" y="5095142"/>
                </a:lnTo>
                <a:lnTo>
                  <a:pt x="0" y="4870758"/>
                </a:lnTo>
                <a:lnTo>
                  <a:pt x="0" y="4622776"/>
                </a:lnTo>
                <a:lnTo>
                  <a:pt x="0" y="4350015"/>
                </a:lnTo>
                <a:lnTo>
                  <a:pt x="0" y="4051296"/>
                </a:lnTo>
                <a:lnTo>
                  <a:pt x="0" y="3725438"/>
                </a:lnTo>
                <a:lnTo>
                  <a:pt x="0" y="3371262"/>
                </a:lnTo>
                <a:lnTo>
                  <a:pt x="0" y="3183185"/>
                </a:lnTo>
                <a:lnTo>
                  <a:pt x="0" y="2987587"/>
                </a:lnTo>
                <a:lnTo>
                  <a:pt x="0" y="2784319"/>
                </a:lnTo>
                <a:lnTo>
                  <a:pt x="0" y="2573234"/>
                </a:lnTo>
                <a:lnTo>
                  <a:pt x="0" y="2354185"/>
                </a:lnTo>
                <a:lnTo>
                  <a:pt x="0" y="2127024"/>
                </a:lnTo>
                <a:lnTo>
                  <a:pt x="0" y="1891603"/>
                </a:lnTo>
                <a:lnTo>
                  <a:pt x="0" y="1647775"/>
                </a:lnTo>
                <a:lnTo>
                  <a:pt x="0" y="1395392"/>
                </a:lnTo>
                <a:lnTo>
                  <a:pt x="0" y="1134308"/>
                </a:lnTo>
                <a:lnTo>
                  <a:pt x="0" y="864374"/>
                </a:lnTo>
                <a:lnTo>
                  <a:pt x="0" y="585443"/>
                </a:lnTo>
                <a:lnTo>
                  <a:pt x="0" y="297367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180000" tIns="180000" anchor="t" anchorCtr="0">
            <a:noAutofit/>
          </a:bodyPr>
          <a:lstStyle>
            <a:lvl1pPr marL="0" indent="0" algn="l">
              <a:buNone/>
              <a:defRPr sz="1600">
                <a:solidFill>
                  <a:schemeClr val="tx2"/>
                </a:solidFill>
              </a:defRPr>
            </a:lvl1pPr>
          </a:lstStyle>
          <a:p>
            <a:r>
              <a:rPr lang="da-DK" noProof="0" dirty="0"/>
              <a:t>Klik på denne pladsholder og indsæt billede via Skyfish</a:t>
            </a:r>
          </a:p>
        </p:txBody>
      </p:sp>
      <p:pic>
        <p:nvPicPr>
          <p:cNvPr id="21" name="Logo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809164" y="398179"/>
            <a:ext cx="1051199" cy="14855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0956506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side, rødt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0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1">
              <a:lumMod val="85000"/>
            </a:schemeClr>
          </a:solidFill>
        </p:spPr>
        <p:txBody>
          <a:bodyPr lIns="144000" tIns="180000" bIns="0" anchor="t" anchorCtr="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denne pladsholder og indsæt billede via Skyfish</a:t>
            </a:r>
          </a:p>
        </p:txBody>
      </p:sp>
      <p:sp>
        <p:nvSpPr>
          <p:cNvPr id="19" name="Titel 1"/>
          <p:cNvSpPr>
            <a:spLocks noGrp="1"/>
          </p:cNvSpPr>
          <p:nvPr>
            <p:ph type="ctrTitle" hasCustomPrompt="1"/>
          </p:nvPr>
        </p:nvSpPr>
        <p:spPr>
          <a:xfrm>
            <a:off x="5535750" y="1535759"/>
            <a:ext cx="3779700" cy="3780000"/>
          </a:xfrm>
          <a:custGeom>
            <a:avLst/>
            <a:gdLst>
              <a:gd name="connsiteX0" fmla="*/ 0 w 5112000"/>
              <a:gd name="connsiteY0" fmla="*/ 0 h 5115107"/>
              <a:gd name="connsiteX1" fmla="*/ 464430 w 5112000"/>
              <a:gd name="connsiteY1" fmla="*/ 0 h 5115107"/>
              <a:gd name="connsiteX2" fmla="*/ 899842 w 5112000"/>
              <a:gd name="connsiteY2" fmla="*/ 0 h 5115107"/>
              <a:gd name="connsiteX3" fmla="*/ 1307173 w 5112000"/>
              <a:gd name="connsiteY3" fmla="*/ 0 h 5115107"/>
              <a:gd name="connsiteX4" fmla="*/ 1687360 w 5112000"/>
              <a:gd name="connsiteY4" fmla="*/ 0 h 5115107"/>
              <a:gd name="connsiteX5" fmla="*/ 2041337 w 5112000"/>
              <a:gd name="connsiteY5" fmla="*/ 0 h 5115107"/>
              <a:gd name="connsiteX6" fmla="*/ 2370041 w 5112000"/>
              <a:gd name="connsiteY6" fmla="*/ 0 h 5115107"/>
              <a:gd name="connsiteX7" fmla="*/ 2674409 w 5112000"/>
              <a:gd name="connsiteY7" fmla="*/ 0 h 5115107"/>
              <a:gd name="connsiteX8" fmla="*/ 2955375 w 5112000"/>
              <a:gd name="connsiteY8" fmla="*/ 0 h 5115107"/>
              <a:gd name="connsiteX9" fmla="*/ 3213877 w 5112000"/>
              <a:gd name="connsiteY9" fmla="*/ 0 h 5115107"/>
              <a:gd name="connsiteX10" fmla="*/ 3450850 w 5112000"/>
              <a:gd name="connsiteY10" fmla="*/ 0 h 5115107"/>
              <a:gd name="connsiteX11" fmla="*/ 3667230 w 5112000"/>
              <a:gd name="connsiteY11" fmla="*/ 0 h 5115107"/>
              <a:gd name="connsiteX12" fmla="*/ 3863953 w 5112000"/>
              <a:gd name="connsiteY12" fmla="*/ 0 h 5115107"/>
              <a:gd name="connsiteX13" fmla="*/ 4041956 w 5112000"/>
              <a:gd name="connsiteY13" fmla="*/ 0 h 5115107"/>
              <a:gd name="connsiteX14" fmla="*/ 4202174 w 5112000"/>
              <a:gd name="connsiteY14" fmla="*/ 0 h 5115107"/>
              <a:gd name="connsiteX15" fmla="*/ 4345543 w 5112000"/>
              <a:gd name="connsiteY15" fmla="*/ 0 h 5115107"/>
              <a:gd name="connsiteX16" fmla="*/ 4473000 w 5112000"/>
              <a:gd name="connsiteY16" fmla="*/ 0 h 5115107"/>
              <a:gd name="connsiteX17" fmla="*/ 4585480 w 5112000"/>
              <a:gd name="connsiteY17" fmla="*/ 0 h 5115107"/>
              <a:gd name="connsiteX18" fmla="*/ 4683920 w 5112000"/>
              <a:gd name="connsiteY18" fmla="*/ 0 h 5115107"/>
              <a:gd name="connsiteX19" fmla="*/ 4769255 w 5112000"/>
              <a:gd name="connsiteY19" fmla="*/ 0 h 5115107"/>
              <a:gd name="connsiteX20" fmla="*/ 4842422 w 5112000"/>
              <a:gd name="connsiteY20" fmla="*/ 0 h 5115107"/>
              <a:gd name="connsiteX21" fmla="*/ 4904356 w 5112000"/>
              <a:gd name="connsiteY21" fmla="*/ 0 h 5115107"/>
              <a:gd name="connsiteX22" fmla="*/ 4955994 w 5112000"/>
              <a:gd name="connsiteY22" fmla="*/ 0 h 5115107"/>
              <a:gd name="connsiteX23" fmla="*/ 4998272 w 5112000"/>
              <a:gd name="connsiteY23" fmla="*/ 0 h 5115107"/>
              <a:gd name="connsiteX24" fmla="*/ 5032125 w 5112000"/>
              <a:gd name="connsiteY24" fmla="*/ 0 h 5115107"/>
              <a:gd name="connsiteX25" fmla="*/ 5078303 w 5112000"/>
              <a:gd name="connsiteY25" fmla="*/ 0 h 5115107"/>
              <a:gd name="connsiteX26" fmla="*/ 5102016 w 5112000"/>
              <a:gd name="connsiteY26" fmla="*/ 0 h 5115107"/>
              <a:gd name="connsiteX27" fmla="*/ 5110752 w 5112000"/>
              <a:gd name="connsiteY27" fmla="*/ 0 h 5115107"/>
              <a:gd name="connsiteX28" fmla="*/ 5112000 w 5112000"/>
              <a:gd name="connsiteY28" fmla="*/ 0 h 5115107"/>
              <a:gd name="connsiteX29" fmla="*/ 5112000 w 5112000"/>
              <a:gd name="connsiteY29" fmla="*/ 402943 h 5115107"/>
              <a:gd name="connsiteX30" fmla="*/ 5112000 w 5112000"/>
              <a:gd name="connsiteY30" fmla="*/ 780710 h 5115107"/>
              <a:gd name="connsiteX31" fmla="*/ 5112000 w 5112000"/>
              <a:gd name="connsiteY31" fmla="*/ 1134114 h 5115107"/>
              <a:gd name="connsiteX32" fmla="*/ 5112000 w 5112000"/>
              <a:gd name="connsiteY32" fmla="*/ 1463966 h 5115107"/>
              <a:gd name="connsiteX33" fmla="*/ 5112000 w 5112000"/>
              <a:gd name="connsiteY33" fmla="*/ 1771080 h 5115107"/>
              <a:gd name="connsiteX34" fmla="*/ 5112000 w 5112000"/>
              <a:gd name="connsiteY34" fmla="*/ 2056266 h 5115107"/>
              <a:gd name="connsiteX35" fmla="*/ 5112000 w 5112000"/>
              <a:gd name="connsiteY35" fmla="*/ 2320338 h 5115107"/>
              <a:gd name="connsiteX36" fmla="*/ 5112000 w 5112000"/>
              <a:gd name="connsiteY36" fmla="*/ 2564106 h 5115107"/>
              <a:gd name="connsiteX37" fmla="*/ 5112000 w 5112000"/>
              <a:gd name="connsiteY37" fmla="*/ 2788385 h 5115107"/>
              <a:gd name="connsiteX38" fmla="*/ 5112000 w 5112000"/>
              <a:gd name="connsiteY38" fmla="*/ 2993984 h 5115107"/>
              <a:gd name="connsiteX39" fmla="*/ 5112000 w 5112000"/>
              <a:gd name="connsiteY39" fmla="*/ 3181717 h 5115107"/>
              <a:gd name="connsiteX40" fmla="*/ 5112000 w 5112000"/>
              <a:gd name="connsiteY40" fmla="*/ 3352396 h 5115107"/>
              <a:gd name="connsiteX41" fmla="*/ 5112000 w 5112000"/>
              <a:gd name="connsiteY41" fmla="*/ 3506832 h 5115107"/>
              <a:gd name="connsiteX42" fmla="*/ 5112000 w 5112000"/>
              <a:gd name="connsiteY42" fmla="*/ 3645839 h 5115107"/>
              <a:gd name="connsiteX43" fmla="*/ 5112000 w 5112000"/>
              <a:gd name="connsiteY43" fmla="*/ 3770227 h 5115107"/>
              <a:gd name="connsiteX44" fmla="*/ 5112000 w 5112000"/>
              <a:gd name="connsiteY44" fmla="*/ 3880810 h 5115107"/>
              <a:gd name="connsiteX45" fmla="*/ 5112000 w 5112000"/>
              <a:gd name="connsiteY45" fmla="*/ 3978398 h 5115107"/>
              <a:gd name="connsiteX46" fmla="*/ 5112000 w 5112000"/>
              <a:gd name="connsiteY46" fmla="*/ 4063806 h 5115107"/>
              <a:gd name="connsiteX47" fmla="*/ 5112000 w 5112000"/>
              <a:gd name="connsiteY47" fmla="*/ 4137843 h 5115107"/>
              <a:gd name="connsiteX48" fmla="*/ 5112000 w 5112000"/>
              <a:gd name="connsiteY48" fmla="*/ 4201323 h 5115107"/>
              <a:gd name="connsiteX49" fmla="*/ 5112000 w 5112000"/>
              <a:gd name="connsiteY49" fmla="*/ 4255058 h 5115107"/>
              <a:gd name="connsiteX50" fmla="*/ 5112000 w 5112000"/>
              <a:gd name="connsiteY50" fmla="*/ 4299859 h 5115107"/>
              <a:gd name="connsiteX51" fmla="*/ 5112000 w 5112000"/>
              <a:gd name="connsiteY51" fmla="*/ 4336540 h 5115107"/>
              <a:gd name="connsiteX52" fmla="*/ 5112000 w 5112000"/>
              <a:gd name="connsiteY52" fmla="*/ 4365911 h 5115107"/>
              <a:gd name="connsiteX53" fmla="*/ 5112000 w 5112000"/>
              <a:gd name="connsiteY53" fmla="*/ 4405975 h 5115107"/>
              <a:gd name="connsiteX54" fmla="*/ 5112000 w 5112000"/>
              <a:gd name="connsiteY54" fmla="*/ 4426549 h 5115107"/>
              <a:gd name="connsiteX55" fmla="*/ 5112000 w 5112000"/>
              <a:gd name="connsiteY55" fmla="*/ 4434128 h 5115107"/>
              <a:gd name="connsiteX56" fmla="*/ 5112000 w 5112000"/>
              <a:gd name="connsiteY56" fmla="*/ 4435211 h 5115107"/>
              <a:gd name="connsiteX57" fmla="*/ 4432517 w 5112000"/>
              <a:gd name="connsiteY57" fmla="*/ 5115107 h 5115107"/>
              <a:gd name="connsiteX58" fmla="*/ 0 w 5112000"/>
              <a:gd name="connsiteY58" fmla="*/ 5115107 h 51151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112000" h="5115107">
                <a:moveTo>
                  <a:pt x="0" y="0"/>
                </a:moveTo>
                <a:lnTo>
                  <a:pt x="464430" y="0"/>
                </a:lnTo>
                <a:lnTo>
                  <a:pt x="899842" y="0"/>
                </a:lnTo>
                <a:lnTo>
                  <a:pt x="1307173" y="0"/>
                </a:lnTo>
                <a:lnTo>
                  <a:pt x="1687360" y="0"/>
                </a:lnTo>
                <a:lnTo>
                  <a:pt x="2041337" y="0"/>
                </a:lnTo>
                <a:lnTo>
                  <a:pt x="2370041" y="0"/>
                </a:lnTo>
                <a:lnTo>
                  <a:pt x="2674409" y="0"/>
                </a:lnTo>
                <a:lnTo>
                  <a:pt x="2955375" y="0"/>
                </a:lnTo>
                <a:lnTo>
                  <a:pt x="3213877" y="0"/>
                </a:lnTo>
                <a:lnTo>
                  <a:pt x="3450850" y="0"/>
                </a:lnTo>
                <a:lnTo>
                  <a:pt x="3667230" y="0"/>
                </a:lnTo>
                <a:lnTo>
                  <a:pt x="3863953" y="0"/>
                </a:lnTo>
                <a:lnTo>
                  <a:pt x="4041956" y="0"/>
                </a:lnTo>
                <a:lnTo>
                  <a:pt x="4202174" y="0"/>
                </a:lnTo>
                <a:lnTo>
                  <a:pt x="4345543" y="0"/>
                </a:lnTo>
                <a:lnTo>
                  <a:pt x="4473000" y="0"/>
                </a:lnTo>
                <a:lnTo>
                  <a:pt x="4585480" y="0"/>
                </a:lnTo>
                <a:lnTo>
                  <a:pt x="4683920" y="0"/>
                </a:lnTo>
                <a:lnTo>
                  <a:pt x="4769255" y="0"/>
                </a:lnTo>
                <a:lnTo>
                  <a:pt x="4842422" y="0"/>
                </a:lnTo>
                <a:lnTo>
                  <a:pt x="4904356" y="0"/>
                </a:lnTo>
                <a:lnTo>
                  <a:pt x="4955994" y="0"/>
                </a:lnTo>
                <a:lnTo>
                  <a:pt x="4998272" y="0"/>
                </a:lnTo>
                <a:lnTo>
                  <a:pt x="5032125" y="0"/>
                </a:lnTo>
                <a:lnTo>
                  <a:pt x="5078303" y="0"/>
                </a:lnTo>
                <a:lnTo>
                  <a:pt x="5102016" y="0"/>
                </a:lnTo>
                <a:lnTo>
                  <a:pt x="5110752" y="0"/>
                </a:lnTo>
                <a:lnTo>
                  <a:pt x="5112000" y="0"/>
                </a:lnTo>
                <a:lnTo>
                  <a:pt x="5112000" y="402943"/>
                </a:lnTo>
                <a:lnTo>
                  <a:pt x="5112000" y="780710"/>
                </a:lnTo>
                <a:lnTo>
                  <a:pt x="5112000" y="1134114"/>
                </a:lnTo>
                <a:lnTo>
                  <a:pt x="5112000" y="1463966"/>
                </a:lnTo>
                <a:lnTo>
                  <a:pt x="5112000" y="1771080"/>
                </a:lnTo>
                <a:lnTo>
                  <a:pt x="5112000" y="2056266"/>
                </a:lnTo>
                <a:lnTo>
                  <a:pt x="5112000" y="2320338"/>
                </a:lnTo>
                <a:lnTo>
                  <a:pt x="5112000" y="2564106"/>
                </a:lnTo>
                <a:lnTo>
                  <a:pt x="5112000" y="2788385"/>
                </a:lnTo>
                <a:lnTo>
                  <a:pt x="5112000" y="2993984"/>
                </a:lnTo>
                <a:lnTo>
                  <a:pt x="5112000" y="3181717"/>
                </a:lnTo>
                <a:lnTo>
                  <a:pt x="5112000" y="3352396"/>
                </a:lnTo>
                <a:lnTo>
                  <a:pt x="5112000" y="3506832"/>
                </a:lnTo>
                <a:lnTo>
                  <a:pt x="5112000" y="3645839"/>
                </a:lnTo>
                <a:lnTo>
                  <a:pt x="5112000" y="3770227"/>
                </a:lnTo>
                <a:lnTo>
                  <a:pt x="5112000" y="3880810"/>
                </a:lnTo>
                <a:lnTo>
                  <a:pt x="5112000" y="3978398"/>
                </a:lnTo>
                <a:lnTo>
                  <a:pt x="5112000" y="4063806"/>
                </a:lnTo>
                <a:lnTo>
                  <a:pt x="5112000" y="4137843"/>
                </a:lnTo>
                <a:lnTo>
                  <a:pt x="5112000" y="4201323"/>
                </a:lnTo>
                <a:lnTo>
                  <a:pt x="5112000" y="4255058"/>
                </a:lnTo>
                <a:lnTo>
                  <a:pt x="5112000" y="4299859"/>
                </a:lnTo>
                <a:lnTo>
                  <a:pt x="5112000" y="4336540"/>
                </a:lnTo>
                <a:lnTo>
                  <a:pt x="5112000" y="4365911"/>
                </a:lnTo>
                <a:lnTo>
                  <a:pt x="5112000" y="4405975"/>
                </a:lnTo>
                <a:lnTo>
                  <a:pt x="5112000" y="4426549"/>
                </a:lnTo>
                <a:lnTo>
                  <a:pt x="5112000" y="4434128"/>
                </a:lnTo>
                <a:lnTo>
                  <a:pt x="5112000" y="4435211"/>
                </a:lnTo>
                <a:cubicBezTo>
                  <a:pt x="4848462" y="4698909"/>
                  <a:pt x="4699230" y="4848232"/>
                  <a:pt x="4432517" y="5115107"/>
                </a:cubicBezTo>
                <a:cubicBezTo>
                  <a:pt x="0" y="5115107"/>
                  <a:pt x="0" y="5115107"/>
                  <a:pt x="0" y="5115107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wrap="square" lIns="216000" tIns="180000" rIns="216000" bIns="2520000" anchor="t" anchorCtr="0">
            <a:noAutofit/>
          </a:bodyPr>
          <a:lstStyle>
            <a:lvl1pPr algn="l">
              <a:lnSpc>
                <a:spcPct val="101000"/>
              </a:lnSpc>
              <a:defRPr sz="1800">
                <a:solidFill>
                  <a:schemeClr val="bg2"/>
                </a:solidFill>
              </a:defRPr>
            </a:lvl1pPr>
          </a:lstStyle>
          <a:p>
            <a:r>
              <a:rPr lang="da-DK" dirty="0"/>
              <a:t>”Indsæt citat”</a:t>
            </a:r>
          </a:p>
        </p:txBody>
      </p:sp>
      <p:sp>
        <p:nvSpPr>
          <p:cNvPr id="4" name="Text Placeholder 2"/>
          <p:cNvSpPr>
            <a:spLocks noGrp="1"/>
          </p:cNvSpPr>
          <p:nvPr>
            <p:ph type="body" sz="quarter" idx="18" hasCustomPrompt="1"/>
          </p:nvPr>
        </p:nvSpPr>
        <p:spPr>
          <a:xfrm>
            <a:off x="5535450" y="4337264"/>
            <a:ext cx="3780000" cy="835761"/>
          </a:xfrm>
        </p:spPr>
        <p:txBody>
          <a:bodyPr lIns="216000" rIns="612000"/>
          <a:lstStyle>
            <a:lvl1pPr marL="0" indent="0">
              <a:lnSpc>
                <a:spcPct val="95000"/>
              </a:lnSpc>
              <a:spcAft>
                <a:spcPts val="0"/>
              </a:spcAft>
              <a:buFontTx/>
              <a:buNone/>
              <a:defRPr sz="1800">
                <a:solidFill>
                  <a:schemeClr val="bg2"/>
                </a:solidFill>
              </a:defRPr>
            </a:lvl1pPr>
            <a:lvl2pPr marL="216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2pPr>
            <a:lvl3pPr marL="432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3pPr>
            <a:lvl4pPr marL="648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4pPr>
            <a:lvl5pPr marL="864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5pPr>
          </a:lstStyle>
          <a:p>
            <a:pPr lvl="0"/>
            <a:r>
              <a:rPr lang="da-DK" dirty="0"/>
              <a:t>Indsæt navn og titel</a:t>
            </a:r>
          </a:p>
        </p:txBody>
      </p:sp>
      <p:sp>
        <p:nvSpPr>
          <p:cNvPr id="16" name="Content Placeholder 4"/>
          <p:cNvSpPr>
            <a:spLocks noGrp="1"/>
          </p:cNvSpPr>
          <p:nvPr>
            <p:ph sz="quarter" idx="17" hasCustomPrompt="1"/>
          </p:nvPr>
        </p:nvSpPr>
        <p:spPr>
          <a:xfrm>
            <a:off x="208800" y="4204800"/>
            <a:ext cx="2448000" cy="2448000"/>
          </a:xfrm>
        </p:spPr>
        <p:txBody>
          <a:bodyPr/>
          <a:lstStyle>
            <a:lvl1pPr marL="0" indent="0">
              <a:buNone/>
              <a:defRPr sz="1400" b="1"/>
            </a:lvl1pPr>
          </a:lstStyle>
          <a:p>
            <a:pPr lvl="0"/>
            <a:r>
              <a:rPr lang="da-DK" dirty="0"/>
              <a:t>Klik på denne pladsholder og indsæt ikon via Skyfish</a:t>
            </a:r>
          </a:p>
        </p:txBody>
      </p:sp>
      <p:sp>
        <p:nvSpPr>
          <p:cNvPr id="5" name="TextBox 4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billede/</a:t>
            </a:r>
            <a:r>
              <a:rPr lang="da-DK" sz="1200" dirty="0" err="1"/>
              <a:t>graﬁk</a:t>
            </a:r>
            <a:r>
              <a:rPr lang="da-DK" sz="1200" dirty="0"/>
              <a:t> udskiftes. Tekstboksen kan ﬂyttes rund ift. billedet, vælg boksen</a:t>
            </a:r>
            <a:r>
              <a:rPr lang="da-DK" sz="1200" baseline="0" dirty="0"/>
              <a:t> og al teksten i boksen</a:t>
            </a:r>
            <a:r>
              <a:rPr lang="da-DK" sz="1200" dirty="0"/>
              <a:t>. Farven på tekst og tekstboks kan ændres til hvid/rød/grå.</a:t>
            </a:r>
          </a:p>
        </p:txBody>
      </p:sp>
      <p:sp>
        <p:nvSpPr>
          <p:cNvPr id="13" name="Slide Number Placeholder 5" hidden="1"/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" b="1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fld id="{24C8C45C-947F-4981-8B3F-4F32E973C901}" type="slidenum">
              <a:rPr lang="da-DK" smtClean="0"/>
              <a:pPr rtl="0"/>
              <a:t>‹nr.›</a:t>
            </a:fld>
            <a:endParaRPr lang="da-DK" dirty="0"/>
          </a:p>
        </p:txBody>
      </p:sp>
      <p:sp>
        <p:nvSpPr>
          <p:cNvPr id="14" name="Footer Placeholder 4" hidden="1"/>
          <p:cNvSpPr>
            <a:spLocks noGrp="1"/>
          </p:cNvSpPr>
          <p:nvPr>
            <p:ph type="ftr" sz="quarter" idx="3"/>
          </p:nvPr>
        </p:nvSpPr>
        <p:spPr>
          <a:xfrm>
            <a:off x="0" y="70644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7" name="Date Placeholder 11" hidden="1"/>
          <p:cNvSpPr>
            <a:spLocks noGrp="1"/>
          </p:cNvSpPr>
          <p:nvPr>
            <p:ph type="dt" sz="half" idx="10"/>
          </p:nvPr>
        </p:nvSpPr>
        <p:spPr>
          <a:xfrm>
            <a:off x="0" y="6984000"/>
            <a:ext cx="0" cy="0"/>
          </a:xfrm>
        </p:spPr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12" name="Placeholder logo"/>
          <p:cNvSpPr>
            <a:spLocks noGrp="1"/>
          </p:cNvSpPr>
          <p:nvPr>
            <p:ph type="body" sz="quarter" idx="19" hasCustomPrompt="1"/>
          </p:nvPr>
        </p:nvSpPr>
        <p:spPr>
          <a:xfrm>
            <a:off x="10809164" y="398179"/>
            <a:ext cx="1051200" cy="14868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da-DK" dirty="0"/>
          </a:p>
        </p:txBody>
      </p:sp>
      <p:sp>
        <p:nvSpPr>
          <p:cNvPr id="15" name="Rectangle 14"/>
          <p:cNvSpPr/>
          <p:nvPr userDrawn="1"/>
        </p:nvSpPr>
        <p:spPr>
          <a:xfrm>
            <a:off x="11765941" y="-300028"/>
            <a:ext cx="160500" cy="1605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8" name="Rectangle 17"/>
          <p:cNvSpPr/>
          <p:nvPr userDrawn="1"/>
        </p:nvSpPr>
        <p:spPr>
          <a:xfrm>
            <a:off x="11964594" y="-300028"/>
            <a:ext cx="160500" cy="160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0" name="Rectangle 19"/>
          <p:cNvSpPr/>
          <p:nvPr userDrawn="1"/>
        </p:nvSpPr>
        <p:spPr>
          <a:xfrm>
            <a:off x="12163247" y="-300028"/>
            <a:ext cx="160500" cy="160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43949832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side, hvidt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0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1">
              <a:lumMod val="85000"/>
            </a:schemeClr>
          </a:solidFill>
        </p:spPr>
        <p:txBody>
          <a:bodyPr lIns="144000" tIns="180000" bIns="0" anchor="t" anchorCtr="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denne pladsholder og indsæt billede via Skyfish</a:t>
            </a:r>
          </a:p>
        </p:txBody>
      </p:sp>
      <p:sp>
        <p:nvSpPr>
          <p:cNvPr id="19" name="Titel 1"/>
          <p:cNvSpPr>
            <a:spLocks noGrp="1"/>
          </p:cNvSpPr>
          <p:nvPr>
            <p:ph type="ctrTitle" hasCustomPrompt="1"/>
          </p:nvPr>
        </p:nvSpPr>
        <p:spPr>
          <a:xfrm>
            <a:off x="5535750" y="1535759"/>
            <a:ext cx="3779700" cy="3780000"/>
          </a:xfrm>
          <a:custGeom>
            <a:avLst/>
            <a:gdLst>
              <a:gd name="connsiteX0" fmla="*/ 0 w 5112000"/>
              <a:gd name="connsiteY0" fmla="*/ 0 h 5115107"/>
              <a:gd name="connsiteX1" fmla="*/ 464430 w 5112000"/>
              <a:gd name="connsiteY1" fmla="*/ 0 h 5115107"/>
              <a:gd name="connsiteX2" fmla="*/ 899842 w 5112000"/>
              <a:gd name="connsiteY2" fmla="*/ 0 h 5115107"/>
              <a:gd name="connsiteX3" fmla="*/ 1307173 w 5112000"/>
              <a:gd name="connsiteY3" fmla="*/ 0 h 5115107"/>
              <a:gd name="connsiteX4" fmla="*/ 1687360 w 5112000"/>
              <a:gd name="connsiteY4" fmla="*/ 0 h 5115107"/>
              <a:gd name="connsiteX5" fmla="*/ 2041337 w 5112000"/>
              <a:gd name="connsiteY5" fmla="*/ 0 h 5115107"/>
              <a:gd name="connsiteX6" fmla="*/ 2370041 w 5112000"/>
              <a:gd name="connsiteY6" fmla="*/ 0 h 5115107"/>
              <a:gd name="connsiteX7" fmla="*/ 2674409 w 5112000"/>
              <a:gd name="connsiteY7" fmla="*/ 0 h 5115107"/>
              <a:gd name="connsiteX8" fmla="*/ 2955375 w 5112000"/>
              <a:gd name="connsiteY8" fmla="*/ 0 h 5115107"/>
              <a:gd name="connsiteX9" fmla="*/ 3213877 w 5112000"/>
              <a:gd name="connsiteY9" fmla="*/ 0 h 5115107"/>
              <a:gd name="connsiteX10" fmla="*/ 3450850 w 5112000"/>
              <a:gd name="connsiteY10" fmla="*/ 0 h 5115107"/>
              <a:gd name="connsiteX11" fmla="*/ 3667230 w 5112000"/>
              <a:gd name="connsiteY11" fmla="*/ 0 h 5115107"/>
              <a:gd name="connsiteX12" fmla="*/ 3863953 w 5112000"/>
              <a:gd name="connsiteY12" fmla="*/ 0 h 5115107"/>
              <a:gd name="connsiteX13" fmla="*/ 4041956 w 5112000"/>
              <a:gd name="connsiteY13" fmla="*/ 0 h 5115107"/>
              <a:gd name="connsiteX14" fmla="*/ 4202174 w 5112000"/>
              <a:gd name="connsiteY14" fmla="*/ 0 h 5115107"/>
              <a:gd name="connsiteX15" fmla="*/ 4345543 w 5112000"/>
              <a:gd name="connsiteY15" fmla="*/ 0 h 5115107"/>
              <a:gd name="connsiteX16" fmla="*/ 4473000 w 5112000"/>
              <a:gd name="connsiteY16" fmla="*/ 0 h 5115107"/>
              <a:gd name="connsiteX17" fmla="*/ 4585480 w 5112000"/>
              <a:gd name="connsiteY17" fmla="*/ 0 h 5115107"/>
              <a:gd name="connsiteX18" fmla="*/ 4683920 w 5112000"/>
              <a:gd name="connsiteY18" fmla="*/ 0 h 5115107"/>
              <a:gd name="connsiteX19" fmla="*/ 4769255 w 5112000"/>
              <a:gd name="connsiteY19" fmla="*/ 0 h 5115107"/>
              <a:gd name="connsiteX20" fmla="*/ 4842422 w 5112000"/>
              <a:gd name="connsiteY20" fmla="*/ 0 h 5115107"/>
              <a:gd name="connsiteX21" fmla="*/ 4904356 w 5112000"/>
              <a:gd name="connsiteY21" fmla="*/ 0 h 5115107"/>
              <a:gd name="connsiteX22" fmla="*/ 4955994 w 5112000"/>
              <a:gd name="connsiteY22" fmla="*/ 0 h 5115107"/>
              <a:gd name="connsiteX23" fmla="*/ 4998272 w 5112000"/>
              <a:gd name="connsiteY23" fmla="*/ 0 h 5115107"/>
              <a:gd name="connsiteX24" fmla="*/ 5032125 w 5112000"/>
              <a:gd name="connsiteY24" fmla="*/ 0 h 5115107"/>
              <a:gd name="connsiteX25" fmla="*/ 5078303 w 5112000"/>
              <a:gd name="connsiteY25" fmla="*/ 0 h 5115107"/>
              <a:gd name="connsiteX26" fmla="*/ 5102016 w 5112000"/>
              <a:gd name="connsiteY26" fmla="*/ 0 h 5115107"/>
              <a:gd name="connsiteX27" fmla="*/ 5110752 w 5112000"/>
              <a:gd name="connsiteY27" fmla="*/ 0 h 5115107"/>
              <a:gd name="connsiteX28" fmla="*/ 5112000 w 5112000"/>
              <a:gd name="connsiteY28" fmla="*/ 0 h 5115107"/>
              <a:gd name="connsiteX29" fmla="*/ 5112000 w 5112000"/>
              <a:gd name="connsiteY29" fmla="*/ 402943 h 5115107"/>
              <a:gd name="connsiteX30" fmla="*/ 5112000 w 5112000"/>
              <a:gd name="connsiteY30" fmla="*/ 780710 h 5115107"/>
              <a:gd name="connsiteX31" fmla="*/ 5112000 w 5112000"/>
              <a:gd name="connsiteY31" fmla="*/ 1134114 h 5115107"/>
              <a:gd name="connsiteX32" fmla="*/ 5112000 w 5112000"/>
              <a:gd name="connsiteY32" fmla="*/ 1463966 h 5115107"/>
              <a:gd name="connsiteX33" fmla="*/ 5112000 w 5112000"/>
              <a:gd name="connsiteY33" fmla="*/ 1771080 h 5115107"/>
              <a:gd name="connsiteX34" fmla="*/ 5112000 w 5112000"/>
              <a:gd name="connsiteY34" fmla="*/ 2056266 h 5115107"/>
              <a:gd name="connsiteX35" fmla="*/ 5112000 w 5112000"/>
              <a:gd name="connsiteY35" fmla="*/ 2320338 h 5115107"/>
              <a:gd name="connsiteX36" fmla="*/ 5112000 w 5112000"/>
              <a:gd name="connsiteY36" fmla="*/ 2564106 h 5115107"/>
              <a:gd name="connsiteX37" fmla="*/ 5112000 w 5112000"/>
              <a:gd name="connsiteY37" fmla="*/ 2788385 h 5115107"/>
              <a:gd name="connsiteX38" fmla="*/ 5112000 w 5112000"/>
              <a:gd name="connsiteY38" fmla="*/ 2993984 h 5115107"/>
              <a:gd name="connsiteX39" fmla="*/ 5112000 w 5112000"/>
              <a:gd name="connsiteY39" fmla="*/ 3181717 h 5115107"/>
              <a:gd name="connsiteX40" fmla="*/ 5112000 w 5112000"/>
              <a:gd name="connsiteY40" fmla="*/ 3352396 h 5115107"/>
              <a:gd name="connsiteX41" fmla="*/ 5112000 w 5112000"/>
              <a:gd name="connsiteY41" fmla="*/ 3506832 h 5115107"/>
              <a:gd name="connsiteX42" fmla="*/ 5112000 w 5112000"/>
              <a:gd name="connsiteY42" fmla="*/ 3645839 h 5115107"/>
              <a:gd name="connsiteX43" fmla="*/ 5112000 w 5112000"/>
              <a:gd name="connsiteY43" fmla="*/ 3770227 h 5115107"/>
              <a:gd name="connsiteX44" fmla="*/ 5112000 w 5112000"/>
              <a:gd name="connsiteY44" fmla="*/ 3880810 h 5115107"/>
              <a:gd name="connsiteX45" fmla="*/ 5112000 w 5112000"/>
              <a:gd name="connsiteY45" fmla="*/ 3978398 h 5115107"/>
              <a:gd name="connsiteX46" fmla="*/ 5112000 w 5112000"/>
              <a:gd name="connsiteY46" fmla="*/ 4063806 h 5115107"/>
              <a:gd name="connsiteX47" fmla="*/ 5112000 w 5112000"/>
              <a:gd name="connsiteY47" fmla="*/ 4137843 h 5115107"/>
              <a:gd name="connsiteX48" fmla="*/ 5112000 w 5112000"/>
              <a:gd name="connsiteY48" fmla="*/ 4201323 h 5115107"/>
              <a:gd name="connsiteX49" fmla="*/ 5112000 w 5112000"/>
              <a:gd name="connsiteY49" fmla="*/ 4255058 h 5115107"/>
              <a:gd name="connsiteX50" fmla="*/ 5112000 w 5112000"/>
              <a:gd name="connsiteY50" fmla="*/ 4299859 h 5115107"/>
              <a:gd name="connsiteX51" fmla="*/ 5112000 w 5112000"/>
              <a:gd name="connsiteY51" fmla="*/ 4336540 h 5115107"/>
              <a:gd name="connsiteX52" fmla="*/ 5112000 w 5112000"/>
              <a:gd name="connsiteY52" fmla="*/ 4365911 h 5115107"/>
              <a:gd name="connsiteX53" fmla="*/ 5112000 w 5112000"/>
              <a:gd name="connsiteY53" fmla="*/ 4405975 h 5115107"/>
              <a:gd name="connsiteX54" fmla="*/ 5112000 w 5112000"/>
              <a:gd name="connsiteY54" fmla="*/ 4426549 h 5115107"/>
              <a:gd name="connsiteX55" fmla="*/ 5112000 w 5112000"/>
              <a:gd name="connsiteY55" fmla="*/ 4434128 h 5115107"/>
              <a:gd name="connsiteX56" fmla="*/ 5112000 w 5112000"/>
              <a:gd name="connsiteY56" fmla="*/ 4435211 h 5115107"/>
              <a:gd name="connsiteX57" fmla="*/ 4432517 w 5112000"/>
              <a:gd name="connsiteY57" fmla="*/ 5115107 h 5115107"/>
              <a:gd name="connsiteX58" fmla="*/ 0 w 5112000"/>
              <a:gd name="connsiteY58" fmla="*/ 5115107 h 51151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112000" h="5115107">
                <a:moveTo>
                  <a:pt x="0" y="0"/>
                </a:moveTo>
                <a:lnTo>
                  <a:pt x="464430" y="0"/>
                </a:lnTo>
                <a:lnTo>
                  <a:pt x="899842" y="0"/>
                </a:lnTo>
                <a:lnTo>
                  <a:pt x="1307173" y="0"/>
                </a:lnTo>
                <a:lnTo>
                  <a:pt x="1687360" y="0"/>
                </a:lnTo>
                <a:lnTo>
                  <a:pt x="2041337" y="0"/>
                </a:lnTo>
                <a:lnTo>
                  <a:pt x="2370041" y="0"/>
                </a:lnTo>
                <a:lnTo>
                  <a:pt x="2674409" y="0"/>
                </a:lnTo>
                <a:lnTo>
                  <a:pt x="2955375" y="0"/>
                </a:lnTo>
                <a:lnTo>
                  <a:pt x="3213877" y="0"/>
                </a:lnTo>
                <a:lnTo>
                  <a:pt x="3450850" y="0"/>
                </a:lnTo>
                <a:lnTo>
                  <a:pt x="3667230" y="0"/>
                </a:lnTo>
                <a:lnTo>
                  <a:pt x="3863953" y="0"/>
                </a:lnTo>
                <a:lnTo>
                  <a:pt x="4041956" y="0"/>
                </a:lnTo>
                <a:lnTo>
                  <a:pt x="4202174" y="0"/>
                </a:lnTo>
                <a:lnTo>
                  <a:pt x="4345543" y="0"/>
                </a:lnTo>
                <a:lnTo>
                  <a:pt x="4473000" y="0"/>
                </a:lnTo>
                <a:lnTo>
                  <a:pt x="4585480" y="0"/>
                </a:lnTo>
                <a:lnTo>
                  <a:pt x="4683920" y="0"/>
                </a:lnTo>
                <a:lnTo>
                  <a:pt x="4769255" y="0"/>
                </a:lnTo>
                <a:lnTo>
                  <a:pt x="4842422" y="0"/>
                </a:lnTo>
                <a:lnTo>
                  <a:pt x="4904356" y="0"/>
                </a:lnTo>
                <a:lnTo>
                  <a:pt x="4955994" y="0"/>
                </a:lnTo>
                <a:lnTo>
                  <a:pt x="4998272" y="0"/>
                </a:lnTo>
                <a:lnTo>
                  <a:pt x="5032125" y="0"/>
                </a:lnTo>
                <a:lnTo>
                  <a:pt x="5078303" y="0"/>
                </a:lnTo>
                <a:lnTo>
                  <a:pt x="5102016" y="0"/>
                </a:lnTo>
                <a:lnTo>
                  <a:pt x="5110752" y="0"/>
                </a:lnTo>
                <a:lnTo>
                  <a:pt x="5112000" y="0"/>
                </a:lnTo>
                <a:lnTo>
                  <a:pt x="5112000" y="402943"/>
                </a:lnTo>
                <a:lnTo>
                  <a:pt x="5112000" y="780710"/>
                </a:lnTo>
                <a:lnTo>
                  <a:pt x="5112000" y="1134114"/>
                </a:lnTo>
                <a:lnTo>
                  <a:pt x="5112000" y="1463966"/>
                </a:lnTo>
                <a:lnTo>
                  <a:pt x="5112000" y="1771080"/>
                </a:lnTo>
                <a:lnTo>
                  <a:pt x="5112000" y="2056266"/>
                </a:lnTo>
                <a:lnTo>
                  <a:pt x="5112000" y="2320338"/>
                </a:lnTo>
                <a:lnTo>
                  <a:pt x="5112000" y="2564106"/>
                </a:lnTo>
                <a:lnTo>
                  <a:pt x="5112000" y="2788385"/>
                </a:lnTo>
                <a:lnTo>
                  <a:pt x="5112000" y="2993984"/>
                </a:lnTo>
                <a:lnTo>
                  <a:pt x="5112000" y="3181717"/>
                </a:lnTo>
                <a:lnTo>
                  <a:pt x="5112000" y="3352396"/>
                </a:lnTo>
                <a:lnTo>
                  <a:pt x="5112000" y="3506832"/>
                </a:lnTo>
                <a:lnTo>
                  <a:pt x="5112000" y="3645839"/>
                </a:lnTo>
                <a:lnTo>
                  <a:pt x="5112000" y="3770227"/>
                </a:lnTo>
                <a:lnTo>
                  <a:pt x="5112000" y="3880810"/>
                </a:lnTo>
                <a:lnTo>
                  <a:pt x="5112000" y="3978398"/>
                </a:lnTo>
                <a:lnTo>
                  <a:pt x="5112000" y="4063806"/>
                </a:lnTo>
                <a:lnTo>
                  <a:pt x="5112000" y="4137843"/>
                </a:lnTo>
                <a:lnTo>
                  <a:pt x="5112000" y="4201323"/>
                </a:lnTo>
                <a:lnTo>
                  <a:pt x="5112000" y="4255058"/>
                </a:lnTo>
                <a:lnTo>
                  <a:pt x="5112000" y="4299859"/>
                </a:lnTo>
                <a:lnTo>
                  <a:pt x="5112000" y="4336540"/>
                </a:lnTo>
                <a:lnTo>
                  <a:pt x="5112000" y="4365911"/>
                </a:lnTo>
                <a:lnTo>
                  <a:pt x="5112000" y="4405975"/>
                </a:lnTo>
                <a:lnTo>
                  <a:pt x="5112000" y="4426549"/>
                </a:lnTo>
                <a:lnTo>
                  <a:pt x="5112000" y="4434128"/>
                </a:lnTo>
                <a:lnTo>
                  <a:pt x="5112000" y="4435211"/>
                </a:lnTo>
                <a:cubicBezTo>
                  <a:pt x="4848462" y="4698909"/>
                  <a:pt x="4699230" y="4848232"/>
                  <a:pt x="4432517" y="5115107"/>
                </a:cubicBezTo>
                <a:cubicBezTo>
                  <a:pt x="0" y="5115107"/>
                  <a:pt x="0" y="5115107"/>
                  <a:pt x="0" y="5115107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txBody>
          <a:bodyPr wrap="square" lIns="216000" tIns="180000" rIns="216000" bIns="2520000" anchor="t" anchorCtr="0">
            <a:noAutofit/>
          </a:bodyPr>
          <a:lstStyle>
            <a:lvl1pPr algn="l">
              <a:lnSpc>
                <a:spcPct val="101000"/>
              </a:lnSpc>
              <a:defRPr sz="1800">
                <a:solidFill>
                  <a:schemeClr val="bg2"/>
                </a:solidFill>
              </a:defRPr>
            </a:lvl1pPr>
          </a:lstStyle>
          <a:p>
            <a:r>
              <a:rPr lang="da-DK" dirty="0"/>
              <a:t>”Indsæt citat”</a:t>
            </a:r>
          </a:p>
        </p:txBody>
      </p:sp>
      <p:sp>
        <p:nvSpPr>
          <p:cNvPr id="4" name="Text Placeholder 2"/>
          <p:cNvSpPr>
            <a:spLocks noGrp="1"/>
          </p:cNvSpPr>
          <p:nvPr>
            <p:ph type="body" sz="quarter" idx="18" hasCustomPrompt="1"/>
          </p:nvPr>
        </p:nvSpPr>
        <p:spPr>
          <a:xfrm>
            <a:off x="5535450" y="4337264"/>
            <a:ext cx="3780000" cy="835761"/>
          </a:xfrm>
        </p:spPr>
        <p:txBody>
          <a:bodyPr lIns="216000" rIns="612000"/>
          <a:lstStyle>
            <a:lvl1pPr marL="0" indent="0">
              <a:lnSpc>
                <a:spcPct val="95000"/>
              </a:lnSpc>
              <a:spcAft>
                <a:spcPts val="500"/>
              </a:spcAft>
              <a:buFontTx/>
              <a:buNone/>
              <a:defRPr sz="1800">
                <a:solidFill>
                  <a:schemeClr val="bg2"/>
                </a:solidFill>
              </a:defRPr>
            </a:lvl1pPr>
            <a:lvl2pPr marL="216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2pPr>
            <a:lvl3pPr marL="432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3pPr>
            <a:lvl4pPr marL="648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4pPr>
            <a:lvl5pPr marL="864000" indent="0">
              <a:spcAft>
                <a:spcPts val="500"/>
              </a:spcAft>
              <a:buFontTx/>
              <a:buNone/>
              <a:defRPr>
                <a:solidFill>
                  <a:schemeClr val="bg2"/>
                </a:solidFill>
              </a:defRPr>
            </a:lvl5pPr>
          </a:lstStyle>
          <a:p>
            <a:pPr lvl="0"/>
            <a:r>
              <a:rPr lang="da-DK" dirty="0"/>
              <a:t>Indsæt navn og titel</a:t>
            </a:r>
          </a:p>
        </p:txBody>
      </p:sp>
      <p:sp>
        <p:nvSpPr>
          <p:cNvPr id="16" name="Content Placeholder 4"/>
          <p:cNvSpPr>
            <a:spLocks noGrp="1"/>
          </p:cNvSpPr>
          <p:nvPr>
            <p:ph sz="quarter" idx="17" hasCustomPrompt="1"/>
          </p:nvPr>
        </p:nvSpPr>
        <p:spPr>
          <a:xfrm>
            <a:off x="208800" y="4204800"/>
            <a:ext cx="2448000" cy="2448000"/>
          </a:xfrm>
        </p:spPr>
        <p:txBody>
          <a:bodyPr/>
          <a:lstStyle>
            <a:lvl1pPr marL="0" indent="0">
              <a:buNone/>
              <a:defRPr sz="1400" b="1"/>
            </a:lvl1pPr>
          </a:lstStyle>
          <a:p>
            <a:pPr lvl="0"/>
            <a:r>
              <a:rPr lang="da-DK" dirty="0"/>
              <a:t>Klik på denne pladsholder og indsæt ikon via Skyfish</a:t>
            </a:r>
          </a:p>
        </p:txBody>
      </p:sp>
      <p:sp>
        <p:nvSpPr>
          <p:cNvPr id="5" name="TextBox 4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billede/</a:t>
            </a:r>
            <a:r>
              <a:rPr lang="da-DK" sz="1200" dirty="0" err="1"/>
              <a:t>graﬁk</a:t>
            </a:r>
            <a:r>
              <a:rPr lang="da-DK" sz="1200" dirty="0"/>
              <a:t> udskiftes. Tekstboksen kan ﬂyttes rund ift. billedet, vælg boksen</a:t>
            </a:r>
            <a:r>
              <a:rPr lang="da-DK" sz="1200" baseline="0" dirty="0"/>
              <a:t> og al teksten i boksen</a:t>
            </a:r>
            <a:r>
              <a:rPr lang="da-DK" sz="1200" dirty="0"/>
              <a:t>. Farven på tekst og tekstboks kan ændres til hvid/rød/grå.</a:t>
            </a:r>
          </a:p>
        </p:txBody>
      </p:sp>
      <p:sp>
        <p:nvSpPr>
          <p:cNvPr id="13" name="Slide Number Placeholder 5" hidden="1"/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" b="1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fld id="{24C8C45C-947F-4981-8B3F-4F32E973C901}" type="slidenum">
              <a:rPr lang="da-DK" smtClean="0"/>
              <a:pPr rtl="0"/>
              <a:t>‹nr.›</a:t>
            </a:fld>
            <a:endParaRPr lang="da-DK" dirty="0"/>
          </a:p>
        </p:txBody>
      </p:sp>
      <p:sp>
        <p:nvSpPr>
          <p:cNvPr id="14" name="Footer Placeholder 4" hidden="1"/>
          <p:cNvSpPr>
            <a:spLocks noGrp="1"/>
          </p:cNvSpPr>
          <p:nvPr>
            <p:ph type="ftr" sz="quarter" idx="3"/>
          </p:nvPr>
        </p:nvSpPr>
        <p:spPr>
          <a:xfrm>
            <a:off x="0" y="70644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7" name="Date Placeholder 11" hidden="1"/>
          <p:cNvSpPr>
            <a:spLocks noGrp="1"/>
          </p:cNvSpPr>
          <p:nvPr>
            <p:ph type="dt" sz="half" idx="10"/>
          </p:nvPr>
        </p:nvSpPr>
        <p:spPr>
          <a:xfrm>
            <a:off x="0" y="6984000"/>
            <a:ext cx="0" cy="0"/>
          </a:xfrm>
        </p:spPr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18" name="Placeholder logo"/>
          <p:cNvSpPr>
            <a:spLocks noGrp="1"/>
          </p:cNvSpPr>
          <p:nvPr>
            <p:ph type="body" sz="quarter" idx="19" hasCustomPrompt="1"/>
          </p:nvPr>
        </p:nvSpPr>
        <p:spPr>
          <a:xfrm>
            <a:off x="10809164" y="398179"/>
            <a:ext cx="1051200" cy="14868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da-DK" dirty="0"/>
          </a:p>
        </p:txBody>
      </p:sp>
      <p:sp>
        <p:nvSpPr>
          <p:cNvPr id="20" name="Rectangle 19"/>
          <p:cNvSpPr/>
          <p:nvPr userDrawn="1"/>
        </p:nvSpPr>
        <p:spPr>
          <a:xfrm>
            <a:off x="11765941" y="-300028"/>
            <a:ext cx="160500" cy="1605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1" name="Rectangle 20"/>
          <p:cNvSpPr/>
          <p:nvPr userDrawn="1"/>
        </p:nvSpPr>
        <p:spPr>
          <a:xfrm>
            <a:off x="11964594" y="-300028"/>
            <a:ext cx="160500" cy="160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2" name="Rectangle 21"/>
          <p:cNvSpPr/>
          <p:nvPr userDrawn="1"/>
        </p:nvSpPr>
        <p:spPr>
          <a:xfrm>
            <a:off x="12163247" y="-300028"/>
            <a:ext cx="160500" cy="160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1433511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 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8" name="Date Placeholder 7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en-GB" dirty="0"/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3" name="Text Placeholder 12"/>
          <p:cNvSpPr>
            <a:spLocks noGrp="1" noChangeAspect="1"/>
          </p:cNvSpPr>
          <p:nvPr>
            <p:ph type="body" sz="quarter" idx="13"/>
          </p:nvPr>
        </p:nvSpPr>
        <p:spPr>
          <a:xfrm>
            <a:off x="778302" y="2291246"/>
            <a:ext cx="1692000" cy="1692000"/>
          </a:xfrm>
          <a:prstGeom prst="ellipse">
            <a:avLst/>
          </a:prstGeom>
          <a:solidFill>
            <a:schemeClr val="accent6"/>
          </a:solidFill>
        </p:spPr>
        <p:txBody>
          <a:bodyPr anchor="ctr" anchorCtr="0"/>
          <a:lstStyle>
            <a:lvl1pPr marL="0" indent="0" algn="ctr">
              <a:buNone/>
              <a:defRPr sz="2000" b="1">
                <a:solidFill>
                  <a:schemeClr val="bg2"/>
                </a:solidFill>
              </a:defRPr>
            </a:lvl1pPr>
            <a:lvl2pPr marL="216000" indent="0">
              <a:buNone/>
              <a:defRPr sz="1200"/>
            </a:lvl2pPr>
            <a:lvl3pPr marL="432000" indent="0">
              <a:buNone/>
              <a:defRPr sz="1200"/>
            </a:lvl3pPr>
            <a:lvl4pPr marL="648000" indent="0">
              <a:buNone/>
              <a:defRPr sz="1200"/>
            </a:lvl4pPr>
            <a:lvl5pPr marL="864000" indent="0">
              <a:buNone/>
              <a:defRPr sz="1200"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4" name="Text Placeholder 12"/>
          <p:cNvSpPr>
            <a:spLocks noGrp="1" noChangeAspect="1"/>
          </p:cNvSpPr>
          <p:nvPr>
            <p:ph type="body" sz="quarter" idx="14"/>
          </p:nvPr>
        </p:nvSpPr>
        <p:spPr>
          <a:xfrm>
            <a:off x="1433151" y="4172818"/>
            <a:ext cx="2052000" cy="2052000"/>
          </a:xfrm>
          <a:prstGeom prst="ellipse">
            <a:avLst/>
          </a:prstGeom>
          <a:solidFill>
            <a:schemeClr val="accent2"/>
          </a:solidFill>
        </p:spPr>
        <p:txBody>
          <a:bodyPr anchor="ctr" anchorCtr="0"/>
          <a:lstStyle>
            <a:lvl1pPr marL="0" indent="0" algn="ctr">
              <a:buNone/>
              <a:defRPr sz="2400" b="1">
                <a:solidFill>
                  <a:schemeClr val="bg2"/>
                </a:solidFill>
              </a:defRPr>
            </a:lvl1pPr>
            <a:lvl2pPr marL="216000" indent="0">
              <a:buNone/>
              <a:defRPr sz="1200"/>
            </a:lvl2pPr>
            <a:lvl3pPr marL="432000" indent="0">
              <a:buNone/>
              <a:defRPr sz="1200"/>
            </a:lvl3pPr>
            <a:lvl4pPr marL="648000" indent="0">
              <a:buNone/>
              <a:defRPr sz="1200"/>
            </a:lvl4pPr>
            <a:lvl5pPr marL="864000" indent="0">
              <a:buNone/>
              <a:defRPr sz="1200"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5" name="Text Placeholder 12"/>
          <p:cNvSpPr>
            <a:spLocks noGrp="1" noChangeAspect="1"/>
          </p:cNvSpPr>
          <p:nvPr>
            <p:ph type="body" sz="quarter" idx="15"/>
          </p:nvPr>
        </p:nvSpPr>
        <p:spPr>
          <a:xfrm>
            <a:off x="4019590" y="2242546"/>
            <a:ext cx="792000" cy="792000"/>
          </a:xfrm>
          <a:prstGeom prst="ellipse">
            <a:avLst/>
          </a:prstGeom>
          <a:solidFill>
            <a:schemeClr val="accent5"/>
          </a:solidFill>
        </p:spPr>
        <p:txBody>
          <a:bodyPr anchor="ctr" anchorCtr="0"/>
          <a:lstStyle>
            <a:lvl1pPr marL="0" indent="0" algn="ctr">
              <a:buNone/>
              <a:defRPr sz="1000" b="1">
                <a:solidFill>
                  <a:schemeClr val="bg2"/>
                </a:solidFill>
              </a:defRPr>
            </a:lvl1pPr>
            <a:lvl2pPr marL="216000" indent="0">
              <a:buNone/>
              <a:defRPr sz="1200"/>
            </a:lvl2pPr>
            <a:lvl3pPr marL="432000" indent="0">
              <a:buNone/>
              <a:defRPr sz="1200"/>
            </a:lvl3pPr>
            <a:lvl4pPr marL="648000" indent="0">
              <a:buNone/>
              <a:defRPr sz="1200"/>
            </a:lvl4pPr>
            <a:lvl5pPr marL="864000" indent="0">
              <a:buNone/>
              <a:defRPr sz="1200"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6" name="Text Placeholder 12"/>
          <p:cNvSpPr>
            <a:spLocks noGrp="1" noChangeAspect="1"/>
          </p:cNvSpPr>
          <p:nvPr>
            <p:ph type="body" sz="quarter" idx="16"/>
          </p:nvPr>
        </p:nvSpPr>
        <p:spPr>
          <a:xfrm>
            <a:off x="8016602" y="2556892"/>
            <a:ext cx="864000" cy="864000"/>
          </a:xfrm>
          <a:prstGeom prst="ellipse">
            <a:avLst/>
          </a:prstGeom>
          <a:solidFill>
            <a:schemeClr val="accent6"/>
          </a:solidFill>
        </p:spPr>
        <p:txBody>
          <a:bodyPr anchor="ctr" anchorCtr="0"/>
          <a:lstStyle>
            <a:lvl1pPr marL="0" indent="0" algn="ctr">
              <a:buNone/>
              <a:defRPr sz="1000" b="1">
                <a:solidFill>
                  <a:schemeClr val="bg2"/>
                </a:solidFill>
              </a:defRPr>
            </a:lvl1pPr>
            <a:lvl2pPr marL="216000" indent="0">
              <a:buNone/>
              <a:defRPr sz="1200"/>
            </a:lvl2pPr>
            <a:lvl3pPr marL="432000" indent="0">
              <a:buNone/>
              <a:defRPr sz="1200"/>
            </a:lvl3pPr>
            <a:lvl4pPr marL="648000" indent="0">
              <a:buNone/>
              <a:defRPr sz="1200"/>
            </a:lvl4pPr>
            <a:lvl5pPr marL="864000" indent="0">
              <a:buNone/>
              <a:defRPr sz="1200"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7" name="Text Placeholder 12"/>
          <p:cNvSpPr>
            <a:spLocks noGrp="1" noChangeAspect="1"/>
          </p:cNvSpPr>
          <p:nvPr>
            <p:ph type="body" sz="quarter" idx="17"/>
          </p:nvPr>
        </p:nvSpPr>
        <p:spPr>
          <a:xfrm>
            <a:off x="3191930" y="3201621"/>
            <a:ext cx="1008000" cy="1008000"/>
          </a:xfrm>
          <a:prstGeom prst="ellipse">
            <a:avLst/>
          </a:prstGeom>
          <a:solidFill>
            <a:schemeClr val="accent4"/>
          </a:solidFill>
        </p:spPr>
        <p:txBody>
          <a:bodyPr anchor="ctr" anchorCtr="0"/>
          <a:lstStyle>
            <a:lvl1pPr marL="0" indent="0" algn="ctr">
              <a:buNone/>
              <a:defRPr sz="1200" b="1">
                <a:solidFill>
                  <a:schemeClr val="bg2"/>
                </a:solidFill>
              </a:defRPr>
            </a:lvl1pPr>
            <a:lvl2pPr marL="216000" indent="0">
              <a:buNone/>
              <a:defRPr sz="1200"/>
            </a:lvl2pPr>
            <a:lvl3pPr marL="432000" indent="0">
              <a:buNone/>
              <a:defRPr sz="1200"/>
            </a:lvl3pPr>
            <a:lvl4pPr marL="648000" indent="0">
              <a:buNone/>
              <a:defRPr sz="1200"/>
            </a:lvl4pPr>
            <a:lvl5pPr marL="864000" indent="0">
              <a:buNone/>
              <a:defRPr sz="1200"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8" name="Text Placeholder 12"/>
          <p:cNvSpPr>
            <a:spLocks noGrp="1" noChangeAspect="1"/>
          </p:cNvSpPr>
          <p:nvPr>
            <p:ph type="body" sz="quarter" idx="18"/>
          </p:nvPr>
        </p:nvSpPr>
        <p:spPr>
          <a:xfrm>
            <a:off x="3868437" y="4717664"/>
            <a:ext cx="1368000" cy="1368000"/>
          </a:xfrm>
          <a:prstGeom prst="ellipse">
            <a:avLst/>
          </a:prstGeom>
          <a:solidFill>
            <a:schemeClr val="accent1"/>
          </a:solidFill>
        </p:spPr>
        <p:txBody>
          <a:bodyPr anchor="ctr" anchorCtr="0"/>
          <a:lstStyle>
            <a:lvl1pPr marL="0" indent="0" algn="ctr">
              <a:buNone/>
              <a:defRPr sz="1600" b="1">
                <a:solidFill>
                  <a:schemeClr val="bg2"/>
                </a:solidFill>
              </a:defRPr>
            </a:lvl1pPr>
            <a:lvl2pPr marL="216000" indent="0">
              <a:buNone/>
              <a:defRPr sz="1200"/>
            </a:lvl2pPr>
            <a:lvl3pPr marL="432000" indent="0">
              <a:buNone/>
              <a:defRPr sz="1200"/>
            </a:lvl3pPr>
            <a:lvl4pPr marL="648000" indent="0">
              <a:buNone/>
              <a:defRPr sz="1200"/>
            </a:lvl4pPr>
            <a:lvl5pPr marL="864000" indent="0">
              <a:buNone/>
              <a:defRPr sz="1200"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19" name="Text Placeholder 12"/>
          <p:cNvSpPr>
            <a:spLocks noGrp="1" noChangeAspect="1"/>
          </p:cNvSpPr>
          <p:nvPr>
            <p:ph type="body" sz="quarter" idx="19"/>
          </p:nvPr>
        </p:nvSpPr>
        <p:spPr>
          <a:xfrm>
            <a:off x="7322277" y="4956214"/>
            <a:ext cx="1224000" cy="1224000"/>
          </a:xfrm>
          <a:prstGeom prst="ellipse">
            <a:avLst/>
          </a:prstGeom>
          <a:solidFill>
            <a:schemeClr val="accent2"/>
          </a:solidFill>
        </p:spPr>
        <p:txBody>
          <a:bodyPr anchor="ctr" anchorCtr="0"/>
          <a:lstStyle>
            <a:lvl1pPr marL="0" indent="0" algn="ctr">
              <a:buNone/>
              <a:defRPr sz="1400" b="1">
                <a:solidFill>
                  <a:schemeClr val="bg2"/>
                </a:solidFill>
              </a:defRPr>
            </a:lvl1pPr>
            <a:lvl2pPr marL="216000" indent="0">
              <a:buNone/>
              <a:defRPr sz="1200"/>
            </a:lvl2pPr>
            <a:lvl3pPr marL="432000" indent="0">
              <a:buNone/>
              <a:defRPr sz="1200"/>
            </a:lvl3pPr>
            <a:lvl4pPr marL="648000" indent="0">
              <a:buNone/>
              <a:defRPr sz="1200"/>
            </a:lvl4pPr>
            <a:lvl5pPr marL="864000" indent="0">
              <a:buNone/>
              <a:defRPr sz="1200"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20" name="Text Placeholder 12"/>
          <p:cNvSpPr>
            <a:spLocks noGrp="1" noChangeAspect="1"/>
          </p:cNvSpPr>
          <p:nvPr>
            <p:ph type="body" sz="quarter" idx="20"/>
          </p:nvPr>
        </p:nvSpPr>
        <p:spPr>
          <a:xfrm>
            <a:off x="8948274" y="4637060"/>
            <a:ext cx="1440000" cy="1440000"/>
          </a:xfrm>
          <a:prstGeom prst="ellipse">
            <a:avLst/>
          </a:prstGeom>
          <a:solidFill>
            <a:schemeClr val="accent3"/>
          </a:solidFill>
        </p:spPr>
        <p:txBody>
          <a:bodyPr anchor="ctr" anchorCtr="0"/>
          <a:lstStyle>
            <a:lvl1pPr marL="0" indent="0" algn="ctr">
              <a:buNone/>
              <a:defRPr sz="1600" b="1">
                <a:solidFill>
                  <a:schemeClr val="bg2"/>
                </a:solidFill>
              </a:defRPr>
            </a:lvl1pPr>
            <a:lvl2pPr marL="216000" indent="0">
              <a:buNone/>
              <a:defRPr sz="1200"/>
            </a:lvl2pPr>
            <a:lvl3pPr marL="432000" indent="0">
              <a:buNone/>
              <a:defRPr sz="1200"/>
            </a:lvl3pPr>
            <a:lvl4pPr marL="648000" indent="0">
              <a:buNone/>
              <a:defRPr sz="1200"/>
            </a:lvl4pPr>
            <a:lvl5pPr marL="864000" indent="0">
              <a:buNone/>
              <a:defRPr sz="1200"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21" name="Text Placeholder 12"/>
          <p:cNvSpPr>
            <a:spLocks noGrp="1" noChangeAspect="1"/>
          </p:cNvSpPr>
          <p:nvPr>
            <p:ph type="body" sz="quarter" idx="21"/>
          </p:nvPr>
        </p:nvSpPr>
        <p:spPr>
          <a:xfrm>
            <a:off x="4921558" y="2424588"/>
            <a:ext cx="2808000" cy="2808000"/>
          </a:xfrm>
          <a:prstGeom prst="ellipse">
            <a:avLst/>
          </a:prstGeom>
          <a:solidFill>
            <a:schemeClr val="accent3"/>
          </a:solidFill>
        </p:spPr>
        <p:txBody>
          <a:bodyPr anchor="ctr" anchorCtr="0"/>
          <a:lstStyle>
            <a:lvl1pPr marL="0" indent="0" algn="ctr">
              <a:buNone/>
              <a:defRPr sz="3200" b="1">
                <a:solidFill>
                  <a:schemeClr val="bg2"/>
                </a:solidFill>
              </a:defRPr>
            </a:lvl1pPr>
            <a:lvl2pPr marL="216000" indent="0">
              <a:buNone/>
              <a:defRPr sz="1200"/>
            </a:lvl2pPr>
            <a:lvl3pPr marL="432000" indent="0">
              <a:buNone/>
              <a:defRPr sz="1200"/>
            </a:lvl3pPr>
            <a:lvl4pPr marL="648000" indent="0">
              <a:buNone/>
              <a:defRPr sz="1200"/>
            </a:lvl4pPr>
            <a:lvl5pPr marL="864000" indent="0">
              <a:buNone/>
              <a:defRPr sz="1200"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22" name="Text Placeholder 12"/>
          <p:cNvSpPr>
            <a:spLocks noGrp="1" noChangeAspect="1"/>
          </p:cNvSpPr>
          <p:nvPr>
            <p:ph type="body" sz="quarter" idx="22"/>
          </p:nvPr>
        </p:nvSpPr>
        <p:spPr>
          <a:xfrm>
            <a:off x="9248544" y="2288628"/>
            <a:ext cx="2124000" cy="2124000"/>
          </a:xfrm>
          <a:prstGeom prst="ellipse">
            <a:avLst/>
          </a:prstGeom>
          <a:solidFill>
            <a:schemeClr val="accent5"/>
          </a:solidFill>
        </p:spPr>
        <p:txBody>
          <a:bodyPr anchor="ctr" anchorCtr="0"/>
          <a:lstStyle>
            <a:lvl1pPr marL="0" indent="0" algn="ctr">
              <a:buNone/>
              <a:defRPr sz="2400" b="1">
                <a:solidFill>
                  <a:schemeClr val="bg2"/>
                </a:solidFill>
              </a:defRPr>
            </a:lvl1pPr>
            <a:lvl2pPr marL="216000" indent="0">
              <a:buNone/>
              <a:defRPr sz="1200"/>
            </a:lvl2pPr>
            <a:lvl3pPr marL="432000" indent="0">
              <a:buNone/>
              <a:defRPr sz="1200"/>
            </a:lvl3pPr>
            <a:lvl4pPr marL="648000" indent="0">
              <a:buNone/>
              <a:defRPr sz="1200"/>
            </a:lvl4pPr>
            <a:lvl5pPr marL="864000" indent="0">
              <a:buNone/>
              <a:defRPr sz="1200"/>
            </a:lvl5pPr>
          </a:lstStyle>
          <a:p>
            <a:pPr lvl="0"/>
            <a:r>
              <a:rPr lang="en-US" dirty="0"/>
              <a:t>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33351765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6" name="Date Placeholder 5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en-GB" dirty="0"/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4913289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Kun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en-GB" dirty="0"/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1576131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(B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56878" y="624469"/>
            <a:ext cx="7227922" cy="1973766"/>
          </a:xfrm>
        </p:spPr>
        <p:txBody>
          <a:bodyPr anchor="b"/>
          <a:lstStyle>
            <a:lvl1pPr algn="l">
              <a:defRPr sz="4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Click to edit Master title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755999" y="2810109"/>
            <a:ext cx="7228801" cy="1092819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/>
              <a:t>Click to edit Master subtitle style</a:t>
            </a:r>
          </a:p>
        </p:txBody>
      </p:sp>
      <p:sp>
        <p:nvSpPr>
          <p:cNvPr id="9" name="Text Placeholder 3"/>
          <p:cNvSpPr>
            <a:spLocks noGrp="1"/>
          </p:cNvSpPr>
          <p:nvPr>
            <p:ph type="body" sz="quarter" idx="15" hasCustomPrompt="1"/>
          </p:nvPr>
        </p:nvSpPr>
        <p:spPr>
          <a:xfrm>
            <a:off x="755650" y="5510785"/>
            <a:ext cx="4563482" cy="391432"/>
          </a:xfrm>
        </p:spPr>
        <p:txBody>
          <a:bodyPr anchor="b" anchorCtr="0"/>
          <a:lstStyle>
            <a:lvl1pPr marL="0" indent="0">
              <a:lnSpc>
                <a:spcPct val="104000"/>
              </a:lnSpc>
              <a:buNone/>
              <a:defRPr sz="1600">
                <a:solidFill>
                  <a:schemeClr val="tx2"/>
                </a:solidFill>
              </a:defRPr>
            </a:lvl1pPr>
          </a:lstStyle>
          <a:p>
            <a:pPr lvl="0"/>
            <a:r>
              <a:rPr lang="da-DK" dirty="0"/>
              <a:t>Indsæt navn og efternavn</a:t>
            </a:r>
          </a:p>
        </p:txBody>
      </p:sp>
      <p:sp>
        <p:nvSpPr>
          <p:cNvPr id="7" name="Content Placeholder 4"/>
          <p:cNvSpPr>
            <a:spLocks noGrp="1"/>
          </p:cNvSpPr>
          <p:nvPr>
            <p:ph sz="quarter" idx="17" hasCustomPrompt="1"/>
          </p:nvPr>
        </p:nvSpPr>
        <p:spPr>
          <a:xfrm>
            <a:off x="6862642" y="4204800"/>
            <a:ext cx="1116000" cy="1116000"/>
          </a:xfrm>
        </p:spPr>
        <p:txBody>
          <a:bodyPr/>
          <a:lstStyle>
            <a:lvl1pPr marL="0" indent="0">
              <a:buNone/>
              <a:defRPr sz="1400" b="1"/>
            </a:lvl1pPr>
          </a:lstStyle>
          <a:p>
            <a:pPr lvl="0"/>
            <a:r>
              <a:rPr lang="da-DK" dirty="0"/>
              <a:t>Klik på denne pladsholder og indsæt ikon via Skyfish</a:t>
            </a:r>
          </a:p>
        </p:txBody>
      </p:sp>
      <p:sp>
        <p:nvSpPr>
          <p:cNvPr id="22" name="Content Placeholder 5"/>
          <p:cNvSpPr>
            <a:spLocks noGrp="1"/>
          </p:cNvSpPr>
          <p:nvPr>
            <p:ph sz="quarter" idx="18" hasCustomPrompt="1"/>
          </p:nvPr>
        </p:nvSpPr>
        <p:spPr>
          <a:xfrm>
            <a:off x="8199472" y="2872800"/>
            <a:ext cx="2448000" cy="2448000"/>
          </a:xfrm>
        </p:spPr>
        <p:txBody>
          <a:bodyPr/>
          <a:lstStyle>
            <a:lvl1pPr marL="0" indent="0">
              <a:buNone/>
              <a:defRPr sz="1400"/>
            </a:lvl1pPr>
          </a:lstStyle>
          <a:p>
            <a:pPr lvl="0"/>
            <a:r>
              <a:rPr lang="da-DK" dirty="0"/>
              <a:t>Klik på denne pladsholder og indsæt ikon via Skyfish</a:t>
            </a:r>
          </a:p>
        </p:txBody>
      </p:sp>
      <p:sp>
        <p:nvSpPr>
          <p:cNvPr id="24" name="Bogstav S"/>
          <p:cNvSpPr/>
          <p:nvPr userDrawn="1"/>
        </p:nvSpPr>
        <p:spPr>
          <a:xfrm>
            <a:off x="5532784" y="5539239"/>
            <a:ext cx="2448000" cy="1327939"/>
          </a:xfrm>
          <a:custGeom>
            <a:avLst/>
            <a:gdLst>
              <a:gd name="connsiteX0" fmla="*/ 327035 w 2448000"/>
              <a:gd name="connsiteY0" fmla="*/ 0 h 1327939"/>
              <a:gd name="connsiteX1" fmla="*/ 331178 w 2448000"/>
              <a:gd name="connsiteY1" fmla="*/ 0 h 1327939"/>
              <a:gd name="connsiteX2" fmla="*/ 360175 w 2448000"/>
              <a:gd name="connsiteY2" fmla="*/ 0 h 1327939"/>
              <a:gd name="connsiteX3" fmla="*/ 391762 w 2448000"/>
              <a:gd name="connsiteY3" fmla="*/ 0 h 1327939"/>
              <a:gd name="connsiteX4" fmla="*/ 438883 w 2448000"/>
              <a:gd name="connsiteY4" fmla="*/ 0 h 1327939"/>
              <a:gd name="connsiteX5" fmla="*/ 504645 w 2448000"/>
              <a:gd name="connsiteY5" fmla="*/ 0 h 1327939"/>
              <a:gd name="connsiteX6" fmla="*/ 592156 w 2448000"/>
              <a:gd name="connsiteY6" fmla="*/ 0 h 1327939"/>
              <a:gd name="connsiteX7" fmla="*/ 704521 w 2448000"/>
              <a:gd name="connsiteY7" fmla="*/ 0 h 1327939"/>
              <a:gd name="connsiteX8" fmla="*/ 844849 w 2448000"/>
              <a:gd name="connsiteY8" fmla="*/ 0 h 1327939"/>
              <a:gd name="connsiteX9" fmla="*/ 1016245 w 2448000"/>
              <a:gd name="connsiteY9" fmla="*/ 0 h 1327939"/>
              <a:gd name="connsiteX10" fmla="*/ 1221817 w 2448000"/>
              <a:gd name="connsiteY10" fmla="*/ 0 h 1327939"/>
              <a:gd name="connsiteX11" fmla="*/ 1464672 w 2448000"/>
              <a:gd name="connsiteY11" fmla="*/ 0 h 1327939"/>
              <a:gd name="connsiteX12" fmla="*/ 1747916 w 2448000"/>
              <a:gd name="connsiteY12" fmla="*/ 0 h 1327939"/>
              <a:gd name="connsiteX13" fmla="*/ 2074656 w 2448000"/>
              <a:gd name="connsiteY13" fmla="*/ 0 h 1327939"/>
              <a:gd name="connsiteX14" fmla="*/ 2448000 w 2448000"/>
              <a:gd name="connsiteY14" fmla="*/ 0 h 1327939"/>
              <a:gd name="connsiteX15" fmla="*/ 2448000 w 2448000"/>
              <a:gd name="connsiteY15" fmla="*/ 1203 h 1327939"/>
              <a:gd name="connsiteX16" fmla="*/ 2448000 w 2448000"/>
              <a:gd name="connsiteY16" fmla="*/ 9626 h 1327939"/>
              <a:gd name="connsiteX17" fmla="*/ 2448000 w 2448000"/>
              <a:gd name="connsiteY17" fmla="*/ 32489 h 1327939"/>
              <a:gd name="connsiteX18" fmla="*/ 2448000 w 2448000"/>
              <a:gd name="connsiteY18" fmla="*/ 77011 h 1327939"/>
              <a:gd name="connsiteX19" fmla="*/ 2448000 w 2448000"/>
              <a:gd name="connsiteY19" fmla="*/ 109650 h 1327939"/>
              <a:gd name="connsiteX20" fmla="*/ 2448000 w 2448000"/>
              <a:gd name="connsiteY20" fmla="*/ 150412 h 1327939"/>
              <a:gd name="connsiteX21" fmla="*/ 2448000 w 2448000"/>
              <a:gd name="connsiteY21" fmla="*/ 200198 h 1327939"/>
              <a:gd name="connsiteX22" fmla="*/ 2448000 w 2448000"/>
              <a:gd name="connsiteY22" fmla="*/ 259912 h 1327939"/>
              <a:gd name="connsiteX23" fmla="*/ 2448000 w 2448000"/>
              <a:gd name="connsiteY23" fmla="*/ 330455 h 1327939"/>
              <a:gd name="connsiteX24" fmla="*/ 2448000 w 2448000"/>
              <a:gd name="connsiteY24" fmla="*/ 412730 h 1327939"/>
              <a:gd name="connsiteX25" fmla="*/ 2448000 w 2448000"/>
              <a:gd name="connsiteY25" fmla="*/ 507640 h 1327939"/>
              <a:gd name="connsiteX26" fmla="*/ 2448000 w 2448000"/>
              <a:gd name="connsiteY26" fmla="*/ 616087 h 1327939"/>
              <a:gd name="connsiteX27" fmla="*/ 898553 w 2448000"/>
              <a:gd name="connsiteY27" fmla="*/ 616087 h 1327939"/>
              <a:gd name="connsiteX28" fmla="*/ 898553 w 2448000"/>
              <a:gd name="connsiteY28" fmla="*/ 922535 h 1327939"/>
              <a:gd name="connsiteX29" fmla="*/ 2120965 w 2448000"/>
              <a:gd name="connsiteY29" fmla="*/ 922535 h 1327939"/>
              <a:gd name="connsiteX30" fmla="*/ 2448000 w 2448000"/>
              <a:gd name="connsiteY30" fmla="*/ 1251327 h 1327939"/>
              <a:gd name="connsiteX31" fmla="*/ 2448000 w 2448000"/>
              <a:gd name="connsiteY31" fmla="*/ 1252524 h 1327939"/>
              <a:gd name="connsiteX32" fmla="*/ 2448000 w 2448000"/>
              <a:gd name="connsiteY32" fmla="*/ 1260904 h 1327939"/>
              <a:gd name="connsiteX33" fmla="*/ 2448000 w 2448000"/>
              <a:gd name="connsiteY33" fmla="*/ 1283648 h 1327939"/>
              <a:gd name="connsiteX34" fmla="*/ 2448000 w 2448000"/>
              <a:gd name="connsiteY34" fmla="*/ 1327939 h 1327939"/>
              <a:gd name="connsiteX35" fmla="*/ 117479 w 2448000"/>
              <a:gd name="connsiteY35" fmla="*/ 1327939 h 1327939"/>
              <a:gd name="connsiteX36" fmla="*/ 0 w 2448000"/>
              <a:gd name="connsiteY36" fmla="*/ 1209829 h 1327939"/>
              <a:gd name="connsiteX37" fmla="*/ 0 w 2448000"/>
              <a:gd name="connsiteY37" fmla="*/ 1208108 h 1327939"/>
              <a:gd name="connsiteX38" fmla="*/ 0 w 2448000"/>
              <a:gd name="connsiteY38" fmla="*/ 1196063 h 1327939"/>
              <a:gd name="connsiteX39" fmla="*/ 0 w 2448000"/>
              <a:gd name="connsiteY39" fmla="*/ 1182942 h 1327939"/>
              <a:gd name="connsiteX40" fmla="*/ 0 w 2448000"/>
              <a:gd name="connsiteY40" fmla="*/ 1163368 h 1327939"/>
              <a:gd name="connsiteX41" fmla="*/ 0 w 2448000"/>
              <a:gd name="connsiteY41" fmla="*/ 1136051 h 1327939"/>
              <a:gd name="connsiteX42" fmla="*/ 0 w 2448000"/>
              <a:gd name="connsiteY42" fmla="*/ 1099699 h 1327939"/>
              <a:gd name="connsiteX43" fmla="*/ 0 w 2448000"/>
              <a:gd name="connsiteY43" fmla="*/ 1053023 h 1327939"/>
              <a:gd name="connsiteX44" fmla="*/ 0 w 2448000"/>
              <a:gd name="connsiteY44" fmla="*/ 994732 h 1327939"/>
              <a:gd name="connsiteX45" fmla="*/ 0 w 2448000"/>
              <a:gd name="connsiteY45" fmla="*/ 923535 h 1327939"/>
              <a:gd name="connsiteX46" fmla="*/ 0 w 2448000"/>
              <a:gd name="connsiteY46" fmla="*/ 838142 h 1327939"/>
              <a:gd name="connsiteX47" fmla="*/ 0 w 2448000"/>
              <a:gd name="connsiteY47" fmla="*/ 737261 h 1327939"/>
              <a:gd name="connsiteX48" fmla="*/ 0 w 2448000"/>
              <a:gd name="connsiteY48" fmla="*/ 619604 h 1327939"/>
              <a:gd name="connsiteX49" fmla="*/ 0 w 2448000"/>
              <a:gd name="connsiteY49" fmla="*/ 483877 h 1327939"/>
              <a:gd name="connsiteX50" fmla="*/ 0 w 2448000"/>
              <a:gd name="connsiteY50" fmla="*/ 328793 h 1327939"/>
              <a:gd name="connsiteX51" fmla="*/ 327035 w 2448000"/>
              <a:gd name="connsiteY51" fmla="*/ 0 h 13279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</a:cxnLst>
            <a:rect l="l" t="t" r="r" b="b"/>
            <a:pathLst>
              <a:path w="2448000" h="1327939">
                <a:moveTo>
                  <a:pt x="327035" y="0"/>
                </a:moveTo>
                <a:lnTo>
                  <a:pt x="331178" y="0"/>
                </a:lnTo>
                <a:lnTo>
                  <a:pt x="360175" y="0"/>
                </a:lnTo>
                <a:lnTo>
                  <a:pt x="391762" y="0"/>
                </a:lnTo>
                <a:lnTo>
                  <a:pt x="438883" y="0"/>
                </a:lnTo>
                <a:lnTo>
                  <a:pt x="504645" y="0"/>
                </a:lnTo>
                <a:lnTo>
                  <a:pt x="592156" y="0"/>
                </a:lnTo>
                <a:lnTo>
                  <a:pt x="704521" y="0"/>
                </a:lnTo>
                <a:lnTo>
                  <a:pt x="844849" y="0"/>
                </a:lnTo>
                <a:lnTo>
                  <a:pt x="1016245" y="0"/>
                </a:lnTo>
                <a:lnTo>
                  <a:pt x="1221817" y="0"/>
                </a:lnTo>
                <a:lnTo>
                  <a:pt x="1464672" y="0"/>
                </a:lnTo>
                <a:lnTo>
                  <a:pt x="1747916" y="0"/>
                </a:lnTo>
                <a:lnTo>
                  <a:pt x="2074656" y="0"/>
                </a:lnTo>
                <a:lnTo>
                  <a:pt x="2448000" y="0"/>
                </a:lnTo>
                <a:lnTo>
                  <a:pt x="2448000" y="1203"/>
                </a:lnTo>
                <a:lnTo>
                  <a:pt x="2448000" y="9626"/>
                </a:lnTo>
                <a:lnTo>
                  <a:pt x="2448000" y="32489"/>
                </a:lnTo>
                <a:lnTo>
                  <a:pt x="2448000" y="77011"/>
                </a:lnTo>
                <a:lnTo>
                  <a:pt x="2448000" y="109650"/>
                </a:lnTo>
                <a:lnTo>
                  <a:pt x="2448000" y="150412"/>
                </a:lnTo>
                <a:lnTo>
                  <a:pt x="2448000" y="200198"/>
                </a:lnTo>
                <a:lnTo>
                  <a:pt x="2448000" y="259912"/>
                </a:lnTo>
                <a:lnTo>
                  <a:pt x="2448000" y="330455"/>
                </a:lnTo>
                <a:lnTo>
                  <a:pt x="2448000" y="412730"/>
                </a:lnTo>
                <a:lnTo>
                  <a:pt x="2448000" y="507640"/>
                </a:lnTo>
                <a:lnTo>
                  <a:pt x="2448000" y="616087"/>
                </a:lnTo>
                <a:cubicBezTo>
                  <a:pt x="2448000" y="616087"/>
                  <a:pt x="2448000" y="616087"/>
                  <a:pt x="898553" y="616087"/>
                </a:cubicBezTo>
                <a:cubicBezTo>
                  <a:pt x="898553" y="616087"/>
                  <a:pt x="898553" y="616087"/>
                  <a:pt x="898553" y="922535"/>
                </a:cubicBezTo>
                <a:cubicBezTo>
                  <a:pt x="898553" y="922535"/>
                  <a:pt x="898553" y="922535"/>
                  <a:pt x="2120965" y="922535"/>
                </a:cubicBezTo>
                <a:cubicBezTo>
                  <a:pt x="2251144" y="1050221"/>
                  <a:pt x="2320996" y="1123641"/>
                  <a:pt x="2448000" y="1251327"/>
                </a:cubicBezTo>
                <a:lnTo>
                  <a:pt x="2448000" y="1252524"/>
                </a:lnTo>
                <a:lnTo>
                  <a:pt x="2448000" y="1260904"/>
                </a:lnTo>
                <a:lnTo>
                  <a:pt x="2448000" y="1283648"/>
                </a:lnTo>
                <a:lnTo>
                  <a:pt x="2448000" y="1327939"/>
                </a:lnTo>
                <a:lnTo>
                  <a:pt x="117479" y="1327939"/>
                </a:lnTo>
                <a:cubicBezTo>
                  <a:pt x="82553" y="1292825"/>
                  <a:pt x="44452" y="1254519"/>
                  <a:pt x="0" y="1209829"/>
                </a:cubicBezTo>
                <a:lnTo>
                  <a:pt x="0" y="1208108"/>
                </a:lnTo>
                <a:lnTo>
                  <a:pt x="0" y="1196063"/>
                </a:lnTo>
                <a:lnTo>
                  <a:pt x="0" y="1182942"/>
                </a:lnTo>
                <a:lnTo>
                  <a:pt x="0" y="1163368"/>
                </a:lnTo>
                <a:lnTo>
                  <a:pt x="0" y="1136051"/>
                </a:lnTo>
                <a:lnTo>
                  <a:pt x="0" y="1099699"/>
                </a:lnTo>
                <a:lnTo>
                  <a:pt x="0" y="1053023"/>
                </a:lnTo>
                <a:lnTo>
                  <a:pt x="0" y="994732"/>
                </a:lnTo>
                <a:lnTo>
                  <a:pt x="0" y="923535"/>
                </a:lnTo>
                <a:lnTo>
                  <a:pt x="0" y="838142"/>
                </a:lnTo>
                <a:lnTo>
                  <a:pt x="0" y="737261"/>
                </a:lnTo>
                <a:lnTo>
                  <a:pt x="0" y="619604"/>
                </a:lnTo>
                <a:lnTo>
                  <a:pt x="0" y="483877"/>
                </a:lnTo>
                <a:lnTo>
                  <a:pt x="0" y="328793"/>
                </a:lnTo>
                <a:cubicBezTo>
                  <a:pt x="127004" y="201106"/>
                  <a:pt x="200031" y="127687"/>
                  <a:pt x="327035" y="0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30" name="Bogstav O"/>
          <p:cNvSpPr/>
          <p:nvPr userDrawn="1"/>
        </p:nvSpPr>
        <p:spPr>
          <a:xfrm>
            <a:off x="10867499" y="2880000"/>
            <a:ext cx="1324800" cy="2440800"/>
          </a:xfrm>
          <a:custGeom>
            <a:avLst/>
            <a:gdLst>
              <a:gd name="connsiteX0" fmla="*/ 326446 w 1324800"/>
              <a:gd name="connsiteY0" fmla="*/ 0 h 2440800"/>
              <a:gd name="connsiteX1" fmla="*/ 328396 w 1324800"/>
              <a:gd name="connsiteY1" fmla="*/ 0 h 2440800"/>
              <a:gd name="connsiteX2" fmla="*/ 342046 w 1324800"/>
              <a:gd name="connsiteY2" fmla="*/ 0 h 2440800"/>
              <a:gd name="connsiteX3" fmla="*/ 356914 w 1324800"/>
              <a:gd name="connsiteY3" fmla="*/ 0 h 2440800"/>
              <a:gd name="connsiteX4" fmla="*/ 379094 w 1324800"/>
              <a:gd name="connsiteY4" fmla="*/ 0 h 2440800"/>
              <a:gd name="connsiteX5" fmla="*/ 410049 w 1324800"/>
              <a:gd name="connsiteY5" fmla="*/ 0 h 2440800"/>
              <a:gd name="connsiteX6" fmla="*/ 451241 w 1324800"/>
              <a:gd name="connsiteY6" fmla="*/ 0 h 2440800"/>
              <a:gd name="connsiteX7" fmla="*/ 504132 w 1324800"/>
              <a:gd name="connsiteY7" fmla="*/ 0 h 2440800"/>
              <a:gd name="connsiteX8" fmla="*/ 570185 w 1324800"/>
              <a:gd name="connsiteY8" fmla="*/ 0 h 2440800"/>
              <a:gd name="connsiteX9" fmla="*/ 650863 w 1324800"/>
              <a:gd name="connsiteY9" fmla="*/ 0 h 2440800"/>
              <a:gd name="connsiteX10" fmla="*/ 747627 w 1324800"/>
              <a:gd name="connsiteY10" fmla="*/ 0 h 2440800"/>
              <a:gd name="connsiteX11" fmla="*/ 861940 w 1324800"/>
              <a:gd name="connsiteY11" fmla="*/ 0 h 2440800"/>
              <a:gd name="connsiteX12" fmla="*/ 995265 w 1324800"/>
              <a:gd name="connsiteY12" fmla="*/ 0 h 2440800"/>
              <a:gd name="connsiteX13" fmla="*/ 1149064 w 1324800"/>
              <a:gd name="connsiteY13" fmla="*/ 0 h 2440800"/>
              <a:gd name="connsiteX14" fmla="*/ 1324800 w 1324800"/>
              <a:gd name="connsiteY14" fmla="*/ 0 h 2440800"/>
              <a:gd name="connsiteX15" fmla="*/ 1324800 w 1324800"/>
              <a:gd name="connsiteY15" fmla="*/ 1192 h 2440800"/>
              <a:gd name="connsiteX16" fmla="*/ 1324800 w 1324800"/>
              <a:gd name="connsiteY16" fmla="*/ 9536 h 2440800"/>
              <a:gd name="connsiteX17" fmla="*/ 1324800 w 1324800"/>
              <a:gd name="connsiteY17" fmla="*/ 32183 h 2440800"/>
              <a:gd name="connsiteX18" fmla="*/ 1324800 w 1324800"/>
              <a:gd name="connsiteY18" fmla="*/ 76286 h 2440800"/>
              <a:gd name="connsiteX19" fmla="*/ 1324800 w 1324800"/>
              <a:gd name="connsiteY19" fmla="*/ 148996 h 2440800"/>
              <a:gd name="connsiteX20" fmla="*/ 1324800 w 1324800"/>
              <a:gd name="connsiteY20" fmla="*/ 257466 h 2440800"/>
              <a:gd name="connsiteX21" fmla="*/ 1324800 w 1324800"/>
              <a:gd name="connsiteY21" fmla="*/ 408846 h 2440800"/>
              <a:gd name="connsiteX22" fmla="*/ 1324800 w 1324800"/>
              <a:gd name="connsiteY22" fmla="*/ 502862 h 2440800"/>
              <a:gd name="connsiteX23" fmla="*/ 1324800 w 1324800"/>
              <a:gd name="connsiteY23" fmla="*/ 610288 h 2440800"/>
              <a:gd name="connsiteX24" fmla="*/ 896934 w 1324800"/>
              <a:gd name="connsiteY24" fmla="*/ 610288 h 2440800"/>
              <a:gd name="connsiteX25" fmla="*/ 896934 w 1324800"/>
              <a:gd name="connsiteY25" fmla="*/ 1830865 h 2440800"/>
              <a:gd name="connsiteX26" fmla="*/ 1324800 w 1324800"/>
              <a:gd name="connsiteY26" fmla="*/ 1830865 h 2440800"/>
              <a:gd name="connsiteX27" fmla="*/ 1324800 w 1324800"/>
              <a:gd name="connsiteY27" fmla="*/ 2440800 h 2440800"/>
              <a:gd name="connsiteX28" fmla="*/ 326100 w 1324800"/>
              <a:gd name="connsiteY28" fmla="*/ 2440800 h 2440800"/>
              <a:gd name="connsiteX29" fmla="*/ 240229 w 1324800"/>
              <a:gd name="connsiteY29" fmla="*/ 2353355 h 2440800"/>
              <a:gd name="connsiteX30" fmla="*/ 0 w 1324800"/>
              <a:gd name="connsiteY30" fmla="*/ 2115455 h 2440800"/>
              <a:gd name="connsiteX31" fmla="*/ 0 w 1324800"/>
              <a:gd name="connsiteY31" fmla="*/ 2111960 h 2440800"/>
              <a:gd name="connsiteX32" fmla="*/ 0 w 1324800"/>
              <a:gd name="connsiteY32" fmla="*/ 2087490 h 2440800"/>
              <a:gd name="connsiteX33" fmla="*/ 0 w 1324800"/>
              <a:gd name="connsiteY33" fmla="*/ 2060836 h 2440800"/>
              <a:gd name="connsiteX34" fmla="*/ 0 w 1324800"/>
              <a:gd name="connsiteY34" fmla="*/ 2021074 h 2440800"/>
              <a:gd name="connsiteX35" fmla="*/ 0 w 1324800"/>
              <a:gd name="connsiteY35" fmla="*/ 1965581 h 2440800"/>
              <a:gd name="connsiteX36" fmla="*/ 0 w 1324800"/>
              <a:gd name="connsiteY36" fmla="*/ 1891736 h 2440800"/>
              <a:gd name="connsiteX37" fmla="*/ 0 w 1324800"/>
              <a:gd name="connsiteY37" fmla="*/ 1796917 h 2440800"/>
              <a:gd name="connsiteX38" fmla="*/ 0 w 1324800"/>
              <a:gd name="connsiteY38" fmla="*/ 1678503 h 2440800"/>
              <a:gd name="connsiteX39" fmla="*/ 0 w 1324800"/>
              <a:gd name="connsiteY39" fmla="*/ 1533872 h 2440800"/>
              <a:gd name="connsiteX40" fmla="*/ 0 w 1324800"/>
              <a:gd name="connsiteY40" fmla="*/ 1360402 h 2440800"/>
              <a:gd name="connsiteX41" fmla="*/ 0 w 1324800"/>
              <a:gd name="connsiteY41" fmla="*/ 1155471 h 2440800"/>
              <a:gd name="connsiteX42" fmla="*/ 0 w 1324800"/>
              <a:gd name="connsiteY42" fmla="*/ 916458 h 2440800"/>
              <a:gd name="connsiteX43" fmla="*/ 0 w 1324800"/>
              <a:gd name="connsiteY43" fmla="*/ 640741 h 2440800"/>
              <a:gd name="connsiteX44" fmla="*/ 0 w 1324800"/>
              <a:gd name="connsiteY44" fmla="*/ 325698 h 2440800"/>
              <a:gd name="connsiteX45" fmla="*/ 326446 w 1324800"/>
              <a:gd name="connsiteY45" fmla="*/ 0 h 2440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</a:cxnLst>
            <a:rect l="l" t="t" r="r" b="b"/>
            <a:pathLst>
              <a:path w="1324800" h="2440800">
                <a:moveTo>
                  <a:pt x="326446" y="0"/>
                </a:moveTo>
                <a:lnTo>
                  <a:pt x="328396" y="0"/>
                </a:lnTo>
                <a:lnTo>
                  <a:pt x="342046" y="0"/>
                </a:lnTo>
                <a:lnTo>
                  <a:pt x="356914" y="0"/>
                </a:lnTo>
                <a:lnTo>
                  <a:pt x="379094" y="0"/>
                </a:lnTo>
                <a:lnTo>
                  <a:pt x="410049" y="0"/>
                </a:lnTo>
                <a:lnTo>
                  <a:pt x="451241" y="0"/>
                </a:lnTo>
                <a:lnTo>
                  <a:pt x="504132" y="0"/>
                </a:lnTo>
                <a:lnTo>
                  <a:pt x="570185" y="0"/>
                </a:lnTo>
                <a:lnTo>
                  <a:pt x="650863" y="0"/>
                </a:lnTo>
                <a:lnTo>
                  <a:pt x="747627" y="0"/>
                </a:lnTo>
                <a:lnTo>
                  <a:pt x="861940" y="0"/>
                </a:lnTo>
                <a:lnTo>
                  <a:pt x="995265" y="0"/>
                </a:lnTo>
                <a:lnTo>
                  <a:pt x="1149064" y="0"/>
                </a:lnTo>
                <a:lnTo>
                  <a:pt x="1324800" y="0"/>
                </a:lnTo>
                <a:lnTo>
                  <a:pt x="1324800" y="1192"/>
                </a:lnTo>
                <a:lnTo>
                  <a:pt x="1324800" y="9536"/>
                </a:lnTo>
                <a:lnTo>
                  <a:pt x="1324800" y="32183"/>
                </a:lnTo>
                <a:lnTo>
                  <a:pt x="1324800" y="76286"/>
                </a:lnTo>
                <a:lnTo>
                  <a:pt x="1324800" y="148996"/>
                </a:lnTo>
                <a:lnTo>
                  <a:pt x="1324800" y="257466"/>
                </a:lnTo>
                <a:lnTo>
                  <a:pt x="1324800" y="408846"/>
                </a:lnTo>
                <a:lnTo>
                  <a:pt x="1324800" y="502862"/>
                </a:lnTo>
                <a:lnTo>
                  <a:pt x="1324800" y="610288"/>
                </a:lnTo>
                <a:cubicBezTo>
                  <a:pt x="1324800" y="610288"/>
                  <a:pt x="1324800" y="610288"/>
                  <a:pt x="896934" y="610288"/>
                </a:cubicBezTo>
                <a:cubicBezTo>
                  <a:pt x="896934" y="610288"/>
                  <a:pt x="896934" y="610288"/>
                  <a:pt x="896934" y="1830865"/>
                </a:cubicBezTo>
                <a:cubicBezTo>
                  <a:pt x="896934" y="1830865"/>
                  <a:pt x="896934" y="1830865"/>
                  <a:pt x="1324800" y="1830865"/>
                </a:cubicBezTo>
                <a:lnTo>
                  <a:pt x="1324800" y="2440800"/>
                </a:lnTo>
                <a:lnTo>
                  <a:pt x="326100" y="2440800"/>
                </a:lnTo>
                <a:lnTo>
                  <a:pt x="240229" y="2353355"/>
                </a:lnTo>
                <a:cubicBezTo>
                  <a:pt x="161044" y="2273166"/>
                  <a:pt x="97459" y="2210319"/>
                  <a:pt x="0" y="2115455"/>
                </a:cubicBezTo>
                <a:lnTo>
                  <a:pt x="0" y="2111960"/>
                </a:lnTo>
                <a:lnTo>
                  <a:pt x="0" y="2087490"/>
                </a:lnTo>
                <a:lnTo>
                  <a:pt x="0" y="2060836"/>
                </a:lnTo>
                <a:lnTo>
                  <a:pt x="0" y="2021074"/>
                </a:lnTo>
                <a:lnTo>
                  <a:pt x="0" y="1965581"/>
                </a:lnTo>
                <a:lnTo>
                  <a:pt x="0" y="1891736"/>
                </a:lnTo>
                <a:lnTo>
                  <a:pt x="0" y="1796917"/>
                </a:lnTo>
                <a:lnTo>
                  <a:pt x="0" y="1678503"/>
                </a:lnTo>
                <a:lnTo>
                  <a:pt x="0" y="1533872"/>
                </a:lnTo>
                <a:lnTo>
                  <a:pt x="0" y="1360402"/>
                </a:lnTo>
                <a:lnTo>
                  <a:pt x="0" y="1155471"/>
                </a:lnTo>
                <a:lnTo>
                  <a:pt x="0" y="916458"/>
                </a:lnTo>
                <a:lnTo>
                  <a:pt x="0" y="640741"/>
                </a:lnTo>
                <a:lnTo>
                  <a:pt x="0" y="325698"/>
                </a:lnTo>
                <a:cubicBezTo>
                  <a:pt x="129945" y="199213"/>
                  <a:pt x="199671" y="129647"/>
                  <a:pt x="326446" y="0"/>
                </a:cubicBez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4" name="Date_DateCustomA"/>
          <p:cNvSpPr>
            <a:spLocks noGrp="1"/>
          </p:cNvSpPr>
          <p:nvPr>
            <p:ph type="dt" sz="half" idx="10"/>
          </p:nvPr>
        </p:nvSpPr>
        <p:spPr>
          <a:xfrm>
            <a:off x="755649" y="5963881"/>
            <a:ext cx="4564800" cy="180000"/>
          </a:xfrm>
          <a:prstGeom prst="rect">
            <a:avLst/>
          </a:prstGeom>
        </p:spPr>
        <p:txBody>
          <a:bodyPr/>
          <a:lstStyle>
            <a:lvl1pPr>
              <a:defRPr sz="1600">
                <a:solidFill>
                  <a:schemeClr val="tx2"/>
                </a:solidFill>
              </a:defRPr>
            </a:lvl1pPr>
          </a:lstStyle>
          <a:p>
            <a:fld id="{A564B39A-844A-43C5-9F2D-26F589F9F649}" type="datetime2">
              <a:rPr lang="da-DK" smtClean="0"/>
              <a:pPr/>
              <a:t>27. november 2024</a:t>
            </a:fld>
            <a:endParaRPr lang="da-DK" dirty="0"/>
          </a:p>
        </p:txBody>
      </p:sp>
      <p:sp>
        <p:nvSpPr>
          <p:cNvPr id="15" name="Slide Number Placeholder 5" hidden="1"/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" b="1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Footer Placeholder 4" hidden="1"/>
          <p:cNvSpPr>
            <a:spLocks noGrp="1"/>
          </p:cNvSpPr>
          <p:nvPr>
            <p:ph type="ftr" sz="quarter" idx="3"/>
          </p:nvPr>
        </p:nvSpPr>
        <p:spPr>
          <a:xfrm>
            <a:off x="0" y="70644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3" name="TextBox 22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graﬁkken udskiftes. </a:t>
            </a:r>
          </a:p>
        </p:txBody>
      </p:sp>
      <p:pic>
        <p:nvPicPr>
          <p:cNvPr id="25" name="Logo navn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809164" y="398179"/>
            <a:ext cx="1051200" cy="14855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00392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487">
          <p15:clr>
            <a:srgbClr val="000000"/>
          </p15:clr>
        </p15:guide>
        <p15:guide id="2" orient="horz" pos="1809">
          <p15:clr>
            <a:srgbClr val="00000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1539875" y="539750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1539879" y="1833789"/>
            <a:ext cx="2280360" cy="432426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10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10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layout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t indsætte nyt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 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5561942" y="1833789"/>
            <a:ext cx="2160798" cy="250837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ter et nyt, kan billedet lægg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9290830" y="1815926"/>
            <a:ext cx="2358243" cy="350865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indtast evt. tekst i sidefod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28" name="1 Forøg formindsk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700676" y="2877130"/>
            <a:ext cx="549328" cy="285228"/>
          </a:xfrm>
          <a:prstGeom prst="rect">
            <a:avLst/>
          </a:prstGeom>
        </p:spPr>
      </p:pic>
      <p:pic>
        <p:nvPicPr>
          <p:cNvPr id="20" name="2 Ny slide"/>
          <p:cNvPicPr>
            <a:picLocks noChangeAspect="1"/>
          </p:cNvPicPr>
          <p:nvPr userDrawn="1"/>
        </p:nvPicPr>
        <p:blipFill rotWithShape="1">
          <a:blip r:embed="rId3"/>
          <a:srcRect l="2931" r="60888"/>
          <a:stretch/>
        </p:blipFill>
        <p:spPr>
          <a:xfrm>
            <a:off x="3714595" y="3538594"/>
            <a:ext cx="363713" cy="647461"/>
          </a:xfrm>
          <a:prstGeom prst="rect">
            <a:avLst/>
          </a:prstGeom>
        </p:spPr>
      </p:pic>
      <p:pic>
        <p:nvPicPr>
          <p:cNvPr id="16" name="3 Layout"/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3730060" y="4208198"/>
            <a:ext cx="593368" cy="192211"/>
          </a:xfrm>
          <a:prstGeom prst="rect">
            <a:avLst/>
          </a:prstGeom>
        </p:spPr>
      </p:pic>
      <p:pic>
        <p:nvPicPr>
          <p:cNvPr id="24" name="4 Nulstil"/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702763" y="5318642"/>
            <a:ext cx="547241" cy="197798"/>
          </a:xfrm>
          <a:prstGeom prst="rect">
            <a:avLst/>
          </a:prstGeom>
        </p:spPr>
      </p:pic>
      <p:pic>
        <p:nvPicPr>
          <p:cNvPr id="5" name="5 Indsæt billede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489164" y="2075087"/>
            <a:ext cx="262151" cy="256054"/>
          </a:xfrm>
          <a:prstGeom prst="rect">
            <a:avLst/>
          </a:prstGeom>
        </p:spPr>
      </p:pic>
      <p:pic>
        <p:nvPicPr>
          <p:cNvPr id="23" name="6 Beskær"/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469796" y="2748409"/>
            <a:ext cx="337400" cy="321707"/>
          </a:xfrm>
          <a:prstGeom prst="rect">
            <a:avLst/>
          </a:prstGeom>
        </p:spPr>
      </p:pic>
      <p:pic>
        <p:nvPicPr>
          <p:cNvPr id="2" name="7 Skalér billede"/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447501" y="3242399"/>
            <a:ext cx="359695" cy="33530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325284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, billede, rødt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0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1">
              <a:lumMod val="85000"/>
            </a:schemeClr>
          </a:solidFill>
        </p:spPr>
        <p:txBody>
          <a:bodyPr lIns="144000" tIns="0" bIns="180000" anchor="b" anchorCtr="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denne pladsholder og indsæt billede via Skyfish</a:t>
            </a:r>
          </a:p>
        </p:txBody>
      </p:sp>
      <p:sp>
        <p:nvSpPr>
          <p:cNvPr id="19" name="Titel 1"/>
          <p:cNvSpPr>
            <a:spLocks noGrp="1"/>
          </p:cNvSpPr>
          <p:nvPr>
            <p:ph type="ctrTitle"/>
          </p:nvPr>
        </p:nvSpPr>
        <p:spPr>
          <a:xfrm>
            <a:off x="1539875" y="235732"/>
            <a:ext cx="5112000" cy="5115107"/>
          </a:xfrm>
          <a:custGeom>
            <a:avLst/>
            <a:gdLst>
              <a:gd name="connsiteX0" fmla="*/ 0 w 5112000"/>
              <a:gd name="connsiteY0" fmla="*/ 0 h 5115107"/>
              <a:gd name="connsiteX1" fmla="*/ 464430 w 5112000"/>
              <a:gd name="connsiteY1" fmla="*/ 0 h 5115107"/>
              <a:gd name="connsiteX2" fmla="*/ 899842 w 5112000"/>
              <a:gd name="connsiteY2" fmla="*/ 0 h 5115107"/>
              <a:gd name="connsiteX3" fmla="*/ 1307173 w 5112000"/>
              <a:gd name="connsiteY3" fmla="*/ 0 h 5115107"/>
              <a:gd name="connsiteX4" fmla="*/ 1687360 w 5112000"/>
              <a:gd name="connsiteY4" fmla="*/ 0 h 5115107"/>
              <a:gd name="connsiteX5" fmla="*/ 2041337 w 5112000"/>
              <a:gd name="connsiteY5" fmla="*/ 0 h 5115107"/>
              <a:gd name="connsiteX6" fmla="*/ 2370041 w 5112000"/>
              <a:gd name="connsiteY6" fmla="*/ 0 h 5115107"/>
              <a:gd name="connsiteX7" fmla="*/ 2674409 w 5112000"/>
              <a:gd name="connsiteY7" fmla="*/ 0 h 5115107"/>
              <a:gd name="connsiteX8" fmla="*/ 2955375 w 5112000"/>
              <a:gd name="connsiteY8" fmla="*/ 0 h 5115107"/>
              <a:gd name="connsiteX9" fmla="*/ 3213877 w 5112000"/>
              <a:gd name="connsiteY9" fmla="*/ 0 h 5115107"/>
              <a:gd name="connsiteX10" fmla="*/ 3450850 w 5112000"/>
              <a:gd name="connsiteY10" fmla="*/ 0 h 5115107"/>
              <a:gd name="connsiteX11" fmla="*/ 3667230 w 5112000"/>
              <a:gd name="connsiteY11" fmla="*/ 0 h 5115107"/>
              <a:gd name="connsiteX12" fmla="*/ 3863953 w 5112000"/>
              <a:gd name="connsiteY12" fmla="*/ 0 h 5115107"/>
              <a:gd name="connsiteX13" fmla="*/ 4041956 w 5112000"/>
              <a:gd name="connsiteY13" fmla="*/ 0 h 5115107"/>
              <a:gd name="connsiteX14" fmla="*/ 4202174 w 5112000"/>
              <a:gd name="connsiteY14" fmla="*/ 0 h 5115107"/>
              <a:gd name="connsiteX15" fmla="*/ 4345543 w 5112000"/>
              <a:gd name="connsiteY15" fmla="*/ 0 h 5115107"/>
              <a:gd name="connsiteX16" fmla="*/ 4473000 w 5112000"/>
              <a:gd name="connsiteY16" fmla="*/ 0 h 5115107"/>
              <a:gd name="connsiteX17" fmla="*/ 4585480 w 5112000"/>
              <a:gd name="connsiteY17" fmla="*/ 0 h 5115107"/>
              <a:gd name="connsiteX18" fmla="*/ 4683920 w 5112000"/>
              <a:gd name="connsiteY18" fmla="*/ 0 h 5115107"/>
              <a:gd name="connsiteX19" fmla="*/ 4769255 w 5112000"/>
              <a:gd name="connsiteY19" fmla="*/ 0 h 5115107"/>
              <a:gd name="connsiteX20" fmla="*/ 4842422 w 5112000"/>
              <a:gd name="connsiteY20" fmla="*/ 0 h 5115107"/>
              <a:gd name="connsiteX21" fmla="*/ 4904356 w 5112000"/>
              <a:gd name="connsiteY21" fmla="*/ 0 h 5115107"/>
              <a:gd name="connsiteX22" fmla="*/ 4955994 w 5112000"/>
              <a:gd name="connsiteY22" fmla="*/ 0 h 5115107"/>
              <a:gd name="connsiteX23" fmla="*/ 4998272 w 5112000"/>
              <a:gd name="connsiteY23" fmla="*/ 0 h 5115107"/>
              <a:gd name="connsiteX24" fmla="*/ 5032125 w 5112000"/>
              <a:gd name="connsiteY24" fmla="*/ 0 h 5115107"/>
              <a:gd name="connsiteX25" fmla="*/ 5078303 w 5112000"/>
              <a:gd name="connsiteY25" fmla="*/ 0 h 5115107"/>
              <a:gd name="connsiteX26" fmla="*/ 5102016 w 5112000"/>
              <a:gd name="connsiteY26" fmla="*/ 0 h 5115107"/>
              <a:gd name="connsiteX27" fmla="*/ 5110752 w 5112000"/>
              <a:gd name="connsiteY27" fmla="*/ 0 h 5115107"/>
              <a:gd name="connsiteX28" fmla="*/ 5112000 w 5112000"/>
              <a:gd name="connsiteY28" fmla="*/ 0 h 5115107"/>
              <a:gd name="connsiteX29" fmla="*/ 5112000 w 5112000"/>
              <a:gd name="connsiteY29" fmla="*/ 402943 h 5115107"/>
              <a:gd name="connsiteX30" fmla="*/ 5112000 w 5112000"/>
              <a:gd name="connsiteY30" fmla="*/ 780710 h 5115107"/>
              <a:gd name="connsiteX31" fmla="*/ 5112000 w 5112000"/>
              <a:gd name="connsiteY31" fmla="*/ 1134114 h 5115107"/>
              <a:gd name="connsiteX32" fmla="*/ 5112000 w 5112000"/>
              <a:gd name="connsiteY32" fmla="*/ 1463966 h 5115107"/>
              <a:gd name="connsiteX33" fmla="*/ 5112000 w 5112000"/>
              <a:gd name="connsiteY33" fmla="*/ 1771080 h 5115107"/>
              <a:gd name="connsiteX34" fmla="*/ 5112000 w 5112000"/>
              <a:gd name="connsiteY34" fmla="*/ 2056266 h 5115107"/>
              <a:gd name="connsiteX35" fmla="*/ 5112000 w 5112000"/>
              <a:gd name="connsiteY35" fmla="*/ 2320338 h 5115107"/>
              <a:gd name="connsiteX36" fmla="*/ 5112000 w 5112000"/>
              <a:gd name="connsiteY36" fmla="*/ 2564106 h 5115107"/>
              <a:gd name="connsiteX37" fmla="*/ 5112000 w 5112000"/>
              <a:gd name="connsiteY37" fmla="*/ 2788385 h 5115107"/>
              <a:gd name="connsiteX38" fmla="*/ 5112000 w 5112000"/>
              <a:gd name="connsiteY38" fmla="*/ 2993984 h 5115107"/>
              <a:gd name="connsiteX39" fmla="*/ 5112000 w 5112000"/>
              <a:gd name="connsiteY39" fmla="*/ 3181717 h 5115107"/>
              <a:gd name="connsiteX40" fmla="*/ 5112000 w 5112000"/>
              <a:gd name="connsiteY40" fmla="*/ 3352396 h 5115107"/>
              <a:gd name="connsiteX41" fmla="*/ 5112000 w 5112000"/>
              <a:gd name="connsiteY41" fmla="*/ 3506832 h 5115107"/>
              <a:gd name="connsiteX42" fmla="*/ 5112000 w 5112000"/>
              <a:gd name="connsiteY42" fmla="*/ 3645839 h 5115107"/>
              <a:gd name="connsiteX43" fmla="*/ 5112000 w 5112000"/>
              <a:gd name="connsiteY43" fmla="*/ 3770227 h 5115107"/>
              <a:gd name="connsiteX44" fmla="*/ 5112000 w 5112000"/>
              <a:gd name="connsiteY44" fmla="*/ 3880810 h 5115107"/>
              <a:gd name="connsiteX45" fmla="*/ 5112000 w 5112000"/>
              <a:gd name="connsiteY45" fmla="*/ 3978398 h 5115107"/>
              <a:gd name="connsiteX46" fmla="*/ 5112000 w 5112000"/>
              <a:gd name="connsiteY46" fmla="*/ 4063806 h 5115107"/>
              <a:gd name="connsiteX47" fmla="*/ 5112000 w 5112000"/>
              <a:gd name="connsiteY47" fmla="*/ 4137843 h 5115107"/>
              <a:gd name="connsiteX48" fmla="*/ 5112000 w 5112000"/>
              <a:gd name="connsiteY48" fmla="*/ 4201323 h 5115107"/>
              <a:gd name="connsiteX49" fmla="*/ 5112000 w 5112000"/>
              <a:gd name="connsiteY49" fmla="*/ 4255058 h 5115107"/>
              <a:gd name="connsiteX50" fmla="*/ 5112000 w 5112000"/>
              <a:gd name="connsiteY50" fmla="*/ 4299859 h 5115107"/>
              <a:gd name="connsiteX51" fmla="*/ 5112000 w 5112000"/>
              <a:gd name="connsiteY51" fmla="*/ 4336540 h 5115107"/>
              <a:gd name="connsiteX52" fmla="*/ 5112000 w 5112000"/>
              <a:gd name="connsiteY52" fmla="*/ 4365911 h 5115107"/>
              <a:gd name="connsiteX53" fmla="*/ 5112000 w 5112000"/>
              <a:gd name="connsiteY53" fmla="*/ 4405975 h 5115107"/>
              <a:gd name="connsiteX54" fmla="*/ 5112000 w 5112000"/>
              <a:gd name="connsiteY54" fmla="*/ 4426549 h 5115107"/>
              <a:gd name="connsiteX55" fmla="*/ 5112000 w 5112000"/>
              <a:gd name="connsiteY55" fmla="*/ 4434128 h 5115107"/>
              <a:gd name="connsiteX56" fmla="*/ 5112000 w 5112000"/>
              <a:gd name="connsiteY56" fmla="*/ 4435211 h 5115107"/>
              <a:gd name="connsiteX57" fmla="*/ 4432517 w 5112000"/>
              <a:gd name="connsiteY57" fmla="*/ 5115107 h 5115107"/>
              <a:gd name="connsiteX58" fmla="*/ 0 w 5112000"/>
              <a:gd name="connsiteY58" fmla="*/ 5115107 h 51151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112000" h="5115107">
                <a:moveTo>
                  <a:pt x="0" y="0"/>
                </a:moveTo>
                <a:lnTo>
                  <a:pt x="464430" y="0"/>
                </a:lnTo>
                <a:lnTo>
                  <a:pt x="899842" y="0"/>
                </a:lnTo>
                <a:lnTo>
                  <a:pt x="1307173" y="0"/>
                </a:lnTo>
                <a:lnTo>
                  <a:pt x="1687360" y="0"/>
                </a:lnTo>
                <a:lnTo>
                  <a:pt x="2041337" y="0"/>
                </a:lnTo>
                <a:lnTo>
                  <a:pt x="2370041" y="0"/>
                </a:lnTo>
                <a:lnTo>
                  <a:pt x="2674409" y="0"/>
                </a:lnTo>
                <a:lnTo>
                  <a:pt x="2955375" y="0"/>
                </a:lnTo>
                <a:lnTo>
                  <a:pt x="3213877" y="0"/>
                </a:lnTo>
                <a:lnTo>
                  <a:pt x="3450850" y="0"/>
                </a:lnTo>
                <a:lnTo>
                  <a:pt x="3667230" y="0"/>
                </a:lnTo>
                <a:lnTo>
                  <a:pt x="3863953" y="0"/>
                </a:lnTo>
                <a:lnTo>
                  <a:pt x="4041956" y="0"/>
                </a:lnTo>
                <a:lnTo>
                  <a:pt x="4202174" y="0"/>
                </a:lnTo>
                <a:lnTo>
                  <a:pt x="4345543" y="0"/>
                </a:lnTo>
                <a:lnTo>
                  <a:pt x="4473000" y="0"/>
                </a:lnTo>
                <a:lnTo>
                  <a:pt x="4585480" y="0"/>
                </a:lnTo>
                <a:lnTo>
                  <a:pt x="4683920" y="0"/>
                </a:lnTo>
                <a:lnTo>
                  <a:pt x="4769255" y="0"/>
                </a:lnTo>
                <a:lnTo>
                  <a:pt x="4842422" y="0"/>
                </a:lnTo>
                <a:lnTo>
                  <a:pt x="4904356" y="0"/>
                </a:lnTo>
                <a:lnTo>
                  <a:pt x="4955994" y="0"/>
                </a:lnTo>
                <a:lnTo>
                  <a:pt x="4998272" y="0"/>
                </a:lnTo>
                <a:lnTo>
                  <a:pt x="5032125" y="0"/>
                </a:lnTo>
                <a:lnTo>
                  <a:pt x="5078303" y="0"/>
                </a:lnTo>
                <a:lnTo>
                  <a:pt x="5102016" y="0"/>
                </a:lnTo>
                <a:lnTo>
                  <a:pt x="5110752" y="0"/>
                </a:lnTo>
                <a:lnTo>
                  <a:pt x="5112000" y="0"/>
                </a:lnTo>
                <a:lnTo>
                  <a:pt x="5112000" y="402943"/>
                </a:lnTo>
                <a:lnTo>
                  <a:pt x="5112000" y="780710"/>
                </a:lnTo>
                <a:lnTo>
                  <a:pt x="5112000" y="1134114"/>
                </a:lnTo>
                <a:lnTo>
                  <a:pt x="5112000" y="1463966"/>
                </a:lnTo>
                <a:lnTo>
                  <a:pt x="5112000" y="1771080"/>
                </a:lnTo>
                <a:lnTo>
                  <a:pt x="5112000" y="2056266"/>
                </a:lnTo>
                <a:lnTo>
                  <a:pt x="5112000" y="2320338"/>
                </a:lnTo>
                <a:lnTo>
                  <a:pt x="5112000" y="2564106"/>
                </a:lnTo>
                <a:lnTo>
                  <a:pt x="5112000" y="2788385"/>
                </a:lnTo>
                <a:lnTo>
                  <a:pt x="5112000" y="2993984"/>
                </a:lnTo>
                <a:lnTo>
                  <a:pt x="5112000" y="3181717"/>
                </a:lnTo>
                <a:lnTo>
                  <a:pt x="5112000" y="3352396"/>
                </a:lnTo>
                <a:lnTo>
                  <a:pt x="5112000" y="3506832"/>
                </a:lnTo>
                <a:lnTo>
                  <a:pt x="5112000" y="3645839"/>
                </a:lnTo>
                <a:lnTo>
                  <a:pt x="5112000" y="3770227"/>
                </a:lnTo>
                <a:lnTo>
                  <a:pt x="5112000" y="3880810"/>
                </a:lnTo>
                <a:lnTo>
                  <a:pt x="5112000" y="3978398"/>
                </a:lnTo>
                <a:lnTo>
                  <a:pt x="5112000" y="4063806"/>
                </a:lnTo>
                <a:lnTo>
                  <a:pt x="5112000" y="4137843"/>
                </a:lnTo>
                <a:lnTo>
                  <a:pt x="5112000" y="4201323"/>
                </a:lnTo>
                <a:lnTo>
                  <a:pt x="5112000" y="4255058"/>
                </a:lnTo>
                <a:lnTo>
                  <a:pt x="5112000" y="4299859"/>
                </a:lnTo>
                <a:lnTo>
                  <a:pt x="5112000" y="4336540"/>
                </a:lnTo>
                <a:lnTo>
                  <a:pt x="5112000" y="4365911"/>
                </a:lnTo>
                <a:lnTo>
                  <a:pt x="5112000" y="4405975"/>
                </a:lnTo>
                <a:lnTo>
                  <a:pt x="5112000" y="4426549"/>
                </a:lnTo>
                <a:lnTo>
                  <a:pt x="5112000" y="4434128"/>
                </a:lnTo>
                <a:lnTo>
                  <a:pt x="5112000" y="4435211"/>
                </a:lnTo>
                <a:cubicBezTo>
                  <a:pt x="4848462" y="4698909"/>
                  <a:pt x="4699230" y="4848232"/>
                  <a:pt x="4432517" y="5115107"/>
                </a:cubicBezTo>
                <a:cubicBezTo>
                  <a:pt x="0" y="5115107"/>
                  <a:pt x="0" y="5115107"/>
                  <a:pt x="0" y="5115107"/>
                </a:cubicBezTo>
                <a:close/>
              </a:path>
            </a:pathLst>
          </a:custGeom>
          <a:solidFill>
            <a:schemeClr val="accent1"/>
          </a:solidFill>
        </p:spPr>
        <p:txBody>
          <a:bodyPr wrap="square" lIns="302400" tIns="216000" rIns="302400" bIns="2520000" anchor="t" anchorCtr="0">
            <a:noAutofit/>
          </a:bodyPr>
          <a:lstStyle>
            <a:lvl1pPr algn="l">
              <a:defRPr sz="3400">
                <a:solidFill>
                  <a:schemeClr val="bg2"/>
                </a:solidFill>
              </a:defRPr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39875" y="2433866"/>
            <a:ext cx="5112000" cy="1655762"/>
          </a:xfrm>
        </p:spPr>
        <p:txBody>
          <a:bodyPr lIns="302400" rIns="30240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2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subtitle</a:t>
            </a:r>
            <a:r>
              <a:rPr lang="da-DK" dirty="0"/>
              <a:t> style</a:t>
            </a:r>
          </a:p>
        </p:txBody>
      </p:sp>
      <p:sp>
        <p:nvSpPr>
          <p:cNvPr id="15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1539876" y="4387554"/>
            <a:ext cx="4437178" cy="391432"/>
          </a:xfrm>
        </p:spPr>
        <p:txBody>
          <a:bodyPr lIns="302400" anchor="b" anchorCtr="0"/>
          <a:lstStyle>
            <a:lvl1pPr marL="0" indent="0" rtl="0">
              <a:lnSpc>
                <a:spcPct val="104000"/>
              </a:lnSpc>
              <a:buNone/>
              <a:defRPr sz="1600">
                <a:solidFill>
                  <a:schemeClr val="bg2"/>
                </a:solidFill>
              </a:defRPr>
            </a:lvl1pPr>
          </a:lstStyle>
          <a:p>
            <a:pPr lvl="0"/>
            <a:r>
              <a:rPr lang="da-DK" dirty="0"/>
              <a:t>Indsæt navn og efternavn</a:t>
            </a:r>
          </a:p>
        </p:txBody>
      </p:sp>
      <p:sp>
        <p:nvSpPr>
          <p:cNvPr id="16" name="Placeholder logo"/>
          <p:cNvSpPr>
            <a:spLocks noGrp="1"/>
          </p:cNvSpPr>
          <p:nvPr>
            <p:ph type="body" sz="quarter" idx="19" hasCustomPrompt="1"/>
          </p:nvPr>
        </p:nvSpPr>
        <p:spPr>
          <a:xfrm>
            <a:off x="10809164" y="398179"/>
            <a:ext cx="1051200" cy="14868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da-DK" dirty="0"/>
          </a:p>
        </p:txBody>
      </p:sp>
      <p:sp>
        <p:nvSpPr>
          <p:cNvPr id="11" name="TextBox 10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Tekstboksen kan ﬂyttes rundt ift. billedet, vælg boksen</a:t>
            </a:r>
            <a:r>
              <a:rPr lang="da-DK" sz="1200" baseline="0" dirty="0"/>
              <a:t> og al teksten i boksen</a:t>
            </a:r>
            <a:r>
              <a:rPr lang="da-DK" sz="1200" dirty="0"/>
              <a:t>. Farven på tekst og tekstboks kan ændres til hvid/rød/grå.</a:t>
            </a:r>
          </a:p>
        </p:txBody>
      </p:sp>
      <p:sp>
        <p:nvSpPr>
          <p:cNvPr id="12" name="Date_DateCustomA"/>
          <p:cNvSpPr>
            <a:spLocks noGrp="1"/>
          </p:cNvSpPr>
          <p:nvPr>
            <p:ph type="dt" sz="half" idx="10"/>
          </p:nvPr>
        </p:nvSpPr>
        <p:spPr>
          <a:xfrm>
            <a:off x="1539875" y="4840650"/>
            <a:ext cx="4438460" cy="180000"/>
          </a:xfrm>
          <a:prstGeom prst="rect">
            <a:avLst/>
          </a:prstGeom>
        </p:spPr>
        <p:txBody>
          <a:bodyPr lIns="302400"/>
          <a:lstStyle>
            <a:lvl1pPr rtl="0">
              <a:defRPr sz="1600">
                <a:solidFill>
                  <a:schemeClr val="bg2"/>
                </a:solidFill>
              </a:defRPr>
            </a:lvl1pPr>
          </a:lstStyle>
          <a:p>
            <a:fld id="{A564B39A-844A-43C5-9F2D-26F589F9F649}" type="datetime2">
              <a:rPr lang="da-DK" smtClean="0"/>
              <a:pPr/>
              <a:t>27. november 2024</a:t>
            </a:fld>
            <a:endParaRPr lang="da-DK" dirty="0"/>
          </a:p>
        </p:txBody>
      </p:sp>
      <p:sp>
        <p:nvSpPr>
          <p:cNvPr id="13" name="Slide Number Placeholder 5" hidden="1"/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" b="1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fld id="{24C8C45C-947F-4981-8B3F-4F32E973C901}" type="slidenum">
              <a:rPr lang="da-DK" smtClean="0"/>
              <a:pPr rtl="0"/>
              <a:t>‹nr.›</a:t>
            </a:fld>
            <a:endParaRPr lang="da-DK" dirty="0"/>
          </a:p>
        </p:txBody>
      </p:sp>
      <p:sp>
        <p:nvSpPr>
          <p:cNvPr id="14" name="Footer Placeholder 4" hidden="1"/>
          <p:cNvSpPr>
            <a:spLocks noGrp="1"/>
          </p:cNvSpPr>
          <p:nvPr>
            <p:ph type="ftr" sz="quarter" idx="3"/>
          </p:nvPr>
        </p:nvSpPr>
        <p:spPr>
          <a:xfrm>
            <a:off x="0" y="70644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8" name="Rectangle 17"/>
          <p:cNvSpPr/>
          <p:nvPr userDrawn="1"/>
        </p:nvSpPr>
        <p:spPr>
          <a:xfrm>
            <a:off x="9154950" y="-300028"/>
            <a:ext cx="160500" cy="1605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0" name="Rectangle 19"/>
          <p:cNvSpPr/>
          <p:nvPr userDrawn="1"/>
        </p:nvSpPr>
        <p:spPr>
          <a:xfrm>
            <a:off x="9353603" y="-300028"/>
            <a:ext cx="160500" cy="160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1" name="Rectangle 20"/>
          <p:cNvSpPr/>
          <p:nvPr userDrawn="1"/>
        </p:nvSpPr>
        <p:spPr>
          <a:xfrm>
            <a:off x="9552256" y="-300028"/>
            <a:ext cx="160500" cy="160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28407695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, billede, hvidt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0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1">
              <a:lumMod val="85000"/>
            </a:schemeClr>
          </a:solidFill>
        </p:spPr>
        <p:txBody>
          <a:bodyPr lIns="144000" tIns="0" bIns="180000" anchor="b" anchorCtr="0"/>
          <a:lstStyle>
            <a:lvl1pPr marL="0" indent="0" algn="l">
              <a:buNone/>
              <a:defRPr sz="1600"/>
            </a:lvl1pPr>
          </a:lstStyle>
          <a:p>
            <a:r>
              <a:rPr lang="da-DK" dirty="0"/>
              <a:t>Klik på denne pladsholder og indsæt billede via Skyfish</a:t>
            </a:r>
          </a:p>
        </p:txBody>
      </p:sp>
      <p:sp>
        <p:nvSpPr>
          <p:cNvPr id="19" name="Titel 1"/>
          <p:cNvSpPr>
            <a:spLocks noGrp="1"/>
          </p:cNvSpPr>
          <p:nvPr>
            <p:ph type="ctrTitle"/>
          </p:nvPr>
        </p:nvSpPr>
        <p:spPr>
          <a:xfrm>
            <a:off x="1539875" y="235732"/>
            <a:ext cx="5112000" cy="5115107"/>
          </a:xfrm>
          <a:custGeom>
            <a:avLst/>
            <a:gdLst>
              <a:gd name="connsiteX0" fmla="*/ 0 w 5112000"/>
              <a:gd name="connsiteY0" fmla="*/ 0 h 5115107"/>
              <a:gd name="connsiteX1" fmla="*/ 464430 w 5112000"/>
              <a:gd name="connsiteY1" fmla="*/ 0 h 5115107"/>
              <a:gd name="connsiteX2" fmla="*/ 899842 w 5112000"/>
              <a:gd name="connsiteY2" fmla="*/ 0 h 5115107"/>
              <a:gd name="connsiteX3" fmla="*/ 1307173 w 5112000"/>
              <a:gd name="connsiteY3" fmla="*/ 0 h 5115107"/>
              <a:gd name="connsiteX4" fmla="*/ 1687360 w 5112000"/>
              <a:gd name="connsiteY4" fmla="*/ 0 h 5115107"/>
              <a:gd name="connsiteX5" fmla="*/ 2041337 w 5112000"/>
              <a:gd name="connsiteY5" fmla="*/ 0 h 5115107"/>
              <a:gd name="connsiteX6" fmla="*/ 2370041 w 5112000"/>
              <a:gd name="connsiteY6" fmla="*/ 0 h 5115107"/>
              <a:gd name="connsiteX7" fmla="*/ 2674409 w 5112000"/>
              <a:gd name="connsiteY7" fmla="*/ 0 h 5115107"/>
              <a:gd name="connsiteX8" fmla="*/ 2955375 w 5112000"/>
              <a:gd name="connsiteY8" fmla="*/ 0 h 5115107"/>
              <a:gd name="connsiteX9" fmla="*/ 3213877 w 5112000"/>
              <a:gd name="connsiteY9" fmla="*/ 0 h 5115107"/>
              <a:gd name="connsiteX10" fmla="*/ 3450850 w 5112000"/>
              <a:gd name="connsiteY10" fmla="*/ 0 h 5115107"/>
              <a:gd name="connsiteX11" fmla="*/ 3667230 w 5112000"/>
              <a:gd name="connsiteY11" fmla="*/ 0 h 5115107"/>
              <a:gd name="connsiteX12" fmla="*/ 3863953 w 5112000"/>
              <a:gd name="connsiteY12" fmla="*/ 0 h 5115107"/>
              <a:gd name="connsiteX13" fmla="*/ 4041956 w 5112000"/>
              <a:gd name="connsiteY13" fmla="*/ 0 h 5115107"/>
              <a:gd name="connsiteX14" fmla="*/ 4202174 w 5112000"/>
              <a:gd name="connsiteY14" fmla="*/ 0 h 5115107"/>
              <a:gd name="connsiteX15" fmla="*/ 4345543 w 5112000"/>
              <a:gd name="connsiteY15" fmla="*/ 0 h 5115107"/>
              <a:gd name="connsiteX16" fmla="*/ 4473000 w 5112000"/>
              <a:gd name="connsiteY16" fmla="*/ 0 h 5115107"/>
              <a:gd name="connsiteX17" fmla="*/ 4585480 w 5112000"/>
              <a:gd name="connsiteY17" fmla="*/ 0 h 5115107"/>
              <a:gd name="connsiteX18" fmla="*/ 4683920 w 5112000"/>
              <a:gd name="connsiteY18" fmla="*/ 0 h 5115107"/>
              <a:gd name="connsiteX19" fmla="*/ 4769255 w 5112000"/>
              <a:gd name="connsiteY19" fmla="*/ 0 h 5115107"/>
              <a:gd name="connsiteX20" fmla="*/ 4842422 w 5112000"/>
              <a:gd name="connsiteY20" fmla="*/ 0 h 5115107"/>
              <a:gd name="connsiteX21" fmla="*/ 4904356 w 5112000"/>
              <a:gd name="connsiteY21" fmla="*/ 0 h 5115107"/>
              <a:gd name="connsiteX22" fmla="*/ 4955994 w 5112000"/>
              <a:gd name="connsiteY22" fmla="*/ 0 h 5115107"/>
              <a:gd name="connsiteX23" fmla="*/ 4998272 w 5112000"/>
              <a:gd name="connsiteY23" fmla="*/ 0 h 5115107"/>
              <a:gd name="connsiteX24" fmla="*/ 5032125 w 5112000"/>
              <a:gd name="connsiteY24" fmla="*/ 0 h 5115107"/>
              <a:gd name="connsiteX25" fmla="*/ 5078303 w 5112000"/>
              <a:gd name="connsiteY25" fmla="*/ 0 h 5115107"/>
              <a:gd name="connsiteX26" fmla="*/ 5102016 w 5112000"/>
              <a:gd name="connsiteY26" fmla="*/ 0 h 5115107"/>
              <a:gd name="connsiteX27" fmla="*/ 5110752 w 5112000"/>
              <a:gd name="connsiteY27" fmla="*/ 0 h 5115107"/>
              <a:gd name="connsiteX28" fmla="*/ 5112000 w 5112000"/>
              <a:gd name="connsiteY28" fmla="*/ 0 h 5115107"/>
              <a:gd name="connsiteX29" fmla="*/ 5112000 w 5112000"/>
              <a:gd name="connsiteY29" fmla="*/ 402943 h 5115107"/>
              <a:gd name="connsiteX30" fmla="*/ 5112000 w 5112000"/>
              <a:gd name="connsiteY30" fmla="*/ 780710 h 5115107"/>
              <a:gd name="connsiteX31" fmla="*/ 5112000 w 5112000"/>
              <a:gd name="connsiteY31" fmla="*/ 1134114 h 5115107"/>
              <a:gd name="connsiteX32" fmla="*/ 5112000 w 5112000"/>
              <a:gd name="connsiteY32" fmla="*/ 1463966 h 5115107"/>
              <a:gd name="connsiteX33" fmla="*/ 5112000 w 5112000"/>
              <a:gd name="connsiteY33" fmla="*/ 1771080 h 5115107"/>
              <a:gd name="connsiteX34" fmla="*/ 5112000 w 5112000"/>
              <a:gd name="connsiteY34" fmla="*/ 2056266 h 5115107"/>
              <a:gd name="connsiteX35" fmla="*/ 5112000 w 5112000"/>
              <a:gd name="connsiteY35" fmla="*/ 2320338 h 5115107"/>
              <a:gd name="connsiteX36" fmla="*/ 5112000 w 5112000"/>
              <a:gd name="connsiteY36" fmla="*/ 2564106 h 5115107"/>
              <a:gd name="connsiteX37" fmla="*/ 5112000 w 5112000"/>
              <a:gd name="connsiteY37" fmla="*/ 2788385 h 5115107"/>
              <a:gd name="connsiteX38" fmla="*/ 5112000 w 5112000"/>
              <a:gd name="connsiteY38" fmla="*/ 2993984 h 5115107"/>
              <a:gd name="connsiteX39" fmla="*/ 5112000 w 5112000"/>
              <a:gd name="connsiteY39" fmla="*/ 3181717 h 5115107"/>
              <a:gd name="connsiteX40" fmla="*/ 5112000 w 5112000"/>
              <a:gd name="connsiteY40" fmla="*/ 3352396 h 5115107"/>
              <a:gd name="connsiteX41" fmla="*/ 5112000 w 5112000"/>
              <a:gd name="connsiteY41" fmla="*/ 3506832 h 5115107"/>
              <a:gd name="connsiteX42" fmla="*/ 5112000 w 5112000"/>
              <a:gd name="connsiteY42" fmla="*/ 3645839 h 5115107"/>
              <a:gd name="connsiteX43" fmla="*/ 5112000 w 5112000"/>
              <a:gd name="connsiteY43" fmla="*/ 3770227 h 5115107"/>
              <a:gd name="connsiteX44" fmla="*/ 5112000 w 5112000"/>
              <a:gd name="connsiteY44" fmla="*/ 3880810 h 5115107"/>
              <a:gd name="connsiteX45" fmla="*/ 5112000 w 5112000"/>
              <a:gd name="connsiteY45" fmla="*/ 3978398 h 5115107"/>
              <a:gd name="connsiteX46" fmla="*/ 5112000 w 5112000"/>
              <a:gd name="connsiteY46" fmla="*/ 4063806 h 5115107"/>
              <a:gd name="connsiteX47" fmla="*/ 5112000 w 5112000"/>
              <a:gd name="connsiteY47" fmla="*/ 4137843 h 5115107"/>
              <a:gd name="connsiteX48" fmla="*/ 5112000 w 5112000"/>
              <a:gd name="connsiteY48" fmla="*/ 4201323 h 5115107"/>
              <a:gd name="connsiteX49" fmla="*/ 5112000 w 5112000"/>
              <a:gd name="connsiteY49" fmla="*/ 4255058 h 5115107"/>
              <a:gd name="connsiteX50" fmla="*/ 5112000 w 5112000"/>
              <a:gd name="connsiteY50" fmla="*/ 4299859 h 5115107"/>
              <a:gd name="connsiteX51" fmla="*/ 5112000 w 5112000"/>
              <a:gd name="connsiteY51" fmla="*/ 4336540 h 5115107"/>
              <a:gd name="connsiteX52" fmla="*/ 5112000 w 5112000"/>
              <a:gd name="connsiteY52" fmla="*/ 4365911 h 5115107"/>
              <a:gd name="connsiteX53" fmla="*/ 5112000 w 5112000"/>
              <a:gd name="connsiteY53" fmla="*/ 4405975 h 5115107"/>
              <a:gd name="connsiteX54" fmla="*/ 5112000 w 5112000"/>
              <a:gd name="connsiteY54" fmla="*/ 4426549 h 5115107"/>
              <a:gd name="connsiteX55" fmla="*/ 5112000 w 5112000"/>
              <a:gd name="connsiteY55" fmla="*/ 4434128 h 5115107"/>
              <a:gd name="connsiteX56" fmla="*/ 5112000 w 5112000"/>
              <a:gd name="connsiteY56" fmla="*/ 4435211 h 5115107"/>
              <a:gd name="connsiteX57" fmla="*/ 4432517 w 5112000"/>
              <a:gd name="connsiteY57" fmla="*/ 5115107 h 5115107"/>
              <a:gd name="connsiteX58" fmla="*/ 0 w 5112000"/>
              <a:gd name="connsiteY58" fmla="*/ 5115107 h 51151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</a:cxnLst>
            <a:rect l="l" t="t" r="r" b="b"/>
            <a:pathLst>
              <a:path w="5112000" h="5115107">
                <a:moveTo>
                  <a:pt x="0" y="0"/>
                </a:moveTo>
                <a:lnTo>
                  <a:pt x="464430" y="0"/>
                </a:lnTo>
                <a:lnTo>
                  <a:pt x="899842" y="0"/>
                </a:lnTo>
                <a:lnTo>
                  <a:pt x="1307173" y="0"/>
                </a:lnTo>
                <a:lnTo>
                  <a:pt x="1687360" y="0"/>
                </a:lnTo>
                <a:lnTo>
                  <a:pt x="2041337" y="0"/>
                </a:lnTo>
                <a:lnTo>
                  <a:pt x="2370041" y="0"/>
                </a:lnTo>
                <a:lnTo>
                  <a:pt x="2674409" y="0"/>
                </a:lnTo>
                <a:lnTo>
                  <a:pt x="2955375" y="0"/>
                </a:lnTo>
                <a:lnTo>
                  <a:pt x="3213877" y="0"/>
                </a:lnTo>
                <a:lnTo>
                  <a:pt x="3450850" y="0"/>
                </a:lnTo>
                <a:lnTo>
                  <a:pt x="3667230" y="0"/>
                </a:lnTo>
                <a:lnTo>
                  <a:pt x="3863953" y="0"/>
                </a:lnTo>
                <a:lnTo>
                  <a:pt x="4041956" y="0"/>
                </a:lnTo>
                <a:lnTo>
                  <a:pt x="4202174" y="0"/>
                </a:lnTo>
                <a:lnTo>
                  <a:pt x="4345543" y="0"/>
                </a:lnTo>
                <a:lnTo>
                  <a:pt x="4473000" y="0"/>
                </a:lnTo>
                <a:lnTo>
                  <a:pt x="4585480" y="0"/>
                </a:lnTo>
                <a:lnTo>
                  <a:pt x="4683920" y="0"/>
                </a:lnTo>
                <a:lnTo>
                  <a:pt x="4769255" y="0"/>
                </a:lnTo>
                <a:lnTo>
                  <a:pt x="4842422" y="0"/>
                </a:lnTo>
                <a:lnTo>
                  <a:pt x="4904356" y="0"/>
                </a:lnTo>
                <a:lnTo>
                  <a:pt x="4955994" y="0"/>
                </a:lnTo>
                <a:lnTo>
                  <a:pt x="4998272" y="0"/>
                </a:lnTo>
                <a:lnTo>
                  <a:pt x="5032125" y="0"/>
                </a:lnTo>
                <a:lnTo>
                  <a:pt x="5078303" y="0"/>
                </a:lnTo>
                <a:lnTo>
                  <a:pt x="5102016" y="0"/>
                </a:lnTo>
                <a:lnTo>
                  <a:pt x="5110752" y="0"/>
                </a:lnTo>
                <a:lnTo>
                  <a:pt x="5112000" y="0"/>
                </a:lnTo>
                <a:lnTo>
                  <a:pt x="5112000" y="402943"/>
                </a:lnTo>
                <a:lnTo>
                  <a:pt x="5112000" y="780710"/>
                </a:lnTo>
                <a:lnTo>
                  <a:pt x="5112000" y="1134114"/>
                </a:lnTo>
                <a:lnTo>
                  <a:pt x="5112000" y="1463966"/>
                </a:lnTo>
                <a:lnTo>
                  <a:pt x="5112000" y="1771080"/>
                </a:lnTo>
                <a:lnTo>
                  <a:pt x="5112000" y="2056266"/>
                </a:lnTo>
                <a:lnTo>
                  <a:pt x="5112000" y="2320338"/>
                </a:lnTo>
                <a:lnTo>
                  <a:pt x="5112000" y="2564106"/>
                </a:lnTo>
                <a:lnTo>
                  <a:pt x="5112000" y="2788385"/>
                </a:lnTo>
                <a:lnTo>
                  <a:pt x="5112000" y="2993984"/>
                </a:lnTo>
                <a:lnTo>
                  <a:pt x="5112000" y="3181717"/>
                </a:lnTo>
                <a:lnTo>
                  <a:pt x="5112000" y="3352396"/>
                </a:lnTo>
                <a:lnTo>
                  <a:pt x="5112000" y="3506832"/>
                </a:lnTo>
                <a:lnTo>
                  <a:pt x="5112000" y="3645839"/>
                </a:lnTo>
                <a:lnTo>
                  <a:pt x="5112000" y="3770227"/>
                </a:lnTo>
                <a:lnTo>
                  <a:pt x="5112000" y="3880810"/>
                </a:lnTo>
                <a:lnTo>
                  <a:pt x="5112000" y="3978398"/>
                </a:lnTo>
                <a:lnTo>
                  <a:pt x="5112000" y="4063806"/>
                </a:lnTo>
                <a:lnTo>
                  <a:pt x="5112000" y="4137843"/>
                </a:lnTo>
                <a:lnTo>
                  <a:pt x="5112000" y="4201323"/>
                </a:lnTo>
                <a:lnTo>
                  <a:pt x="5112000" y="4255058"/>
                </a:lnTo>
                <a:lnTo>
                  <a:pt x="5112000" y="4299859"/>
                </a:lnTo>
                <a:lnTo>
                  <a:pt x="5112000" y="4336540"/>
                </a:lnTo>
                <a:lnTo>
                  <a:pt x="5112000" y="4365911"/>
                </a:lnTo>
                <a:lnTo>
                  <a:pt x="5112000" y="4405975"/>
                </a:lnTo>
                <a:lnTo>
                  <a:pt x="5112000" y="4426549"/>
                </a:lnTo>
                <a:lnTo>
                  <a:pt x="5112000" y="4434128"/>
                </a:lnTo>
                <a:lnTo>
                  <a:pt x="5112000" y="4435211"/>
                </a:lnTo>
                <a:cubicBezTo>
                  <a:pt x="4848462" y="4698909"/>
                  <a:pt x="4699230" y="4848232"/>
                  <a:pt x="4432517" y="5115107"/>
                </a:cubicBezTo>
                <a:cubicBezTo>
                  <a:pt x="0" y="5115107"/>
                  <a:pt x="0" y="5115107"/>
                  <a:pt x="0" y="5115107"/>
                </a:cubicBezTo>
                <a:close/>
              </a:path>
            </a:pathLst>
          </a:custGeom>
          <a:solidFill>
            <a:schemeClr val="accent1"/>
          </a:solidFill>
        </p:spPr>
        <p:txBody>
          <a:bodyPr wrap="square" lIns="302400" tIns="216000" rIns="302400" bIns="2520000" anchor="t" anchorCtr="0">
            <a:noAutofit/>
          </a:bodyPr>
          <a:lstStyle>
            <a:lvl1pPr algn="l">
              <a:defRPr sz="3400">
                <a:solidFill>
                  <a:schemeClr val="bg2"/>
                </a:solidFill>
              </a:defRPr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39875" y="2433866"/>
            <a:ext cx="5112000" cy="1655762"/>
          </a:xfrm>
        </p:spPr>
        <p:txBody>
          <a:bodyPr lIns="302400" rIns="30240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>
                <a:solidFill>
                  <a:schemeClr val="bg2"/>
                </a:solidFill>
              </a:defRPr>
            </a:lvl1pPr>
            <a:lvl2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2pPr>
            <a:lvl3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3pPr>
            <a:lvl4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4pPr>
            <a:lvl5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5pPr>
            <a:lvl6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6pPr>
            <a:lvl7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7pPr>
            <a:lvl8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8pPr>
            <a:lvl9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9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subtitle</a:t>
            </a:r>
            <a:r>
              <a:rPr lang="da-DK" dirty="0"/>
              <a:t> style</a:t>
            </a:r>
          </a:p>
        </p:txBody>
      </p:sp>
      <p:sp>
        <p:nvSpPr>
          <p:cNvPr id="15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1539876" y="4387554"/>
            <a:ext cx="4437178" cy="391432"/>
          </a:xfrm>
        </p:spPr>
        <p:txBody>
          <a:bodyPr lIns="302400" anchor="b" anchorCtr="0"/>
          <a:lstStyle>
            <a:lvl1pPr marL="0" indent="0" rtl="0">
              <a:lnSpc>
                <a:spcPct val="104000"/>
              </a:lnSpc>
              <a:buNone/>
              <a:defRPr sz="1600">
                <a:solidFill>
                  <a:schemeClr val="bg2"/>
                </a:solidFill>
              </a:defRPr>
            </a:lvl1pPr>
          </a:lstStyle>
          <a:p>
            <a:pPr lvl="0"/>
            <a:r>
              <a:rPr lang="da-DK" dirty="0"/>
              <a:t>Indsæt navn og efternavn</a:t>
            </a:r>
          </a:p>
        </p:txBody>
      </p:sp>
      <p:sp>
        <p:nvSpPr>
          <p:cNvPr id="11" name="TextBox 10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Tekstboksen kan ﬂyttes rundt ift. billedet, vælg boksen</a:t>
            </a:r>
            <a:r>
              <a:rPr lang="da-DK" sz="1200" baseline="0" dirty="0"/>
              <a:t> og al teksten i boksen</a:t>
            </a:r>
            <a:r>
              <a:rPr lang="da-DK" sz="1200" dirty="0"/>
              <a:t>. Farven på tekst og tekstboks kan ændres til hvid/rød/grå.</a:t>
            </a:r>
          </a:p>
        </p:txBody>
      </p:sp>
      <p:sp>
        <p:nvSpPr>
          <p:cNvPr id="12" name="Date_DateCustomA"/>
          <p:cNvSpPr>
            <a:spLocks noGrp="1"/>
          </p:cNvSpPr>
          <p:nvPr>
            <p:ph type="dt" sz="half" idx="10"/>
          </p:nvPr>
        </p:nvSpPr>
        <p:spPr>
          <a:xfrm>
            <a:off x="1539875" y="4840650"/>
            <a:ext cx="4438460" cy="180000"/>
          </a:xfrm>
          <a:prstGeom prst="rect">
            <a:avLst/>
          </a:prstGeom>
        </p:spPr>
        <p:txBody>
          <a:bodyPr lIns="302400"/>
          <a:lstStyle>
            <a:lvl1pPr rtl="0">
              <a:defRPr sz="1600">
                <a:solidFill>
                  <a:schemeClr val="bg2"/>
                </a:solidFill>
              </a:defRPr>
            </a:lvl1pPr>
          </a:lstStyle>
          <a:p>
            <a:fld id="{A564B39A-844A-43C5-9F2D-26F589F9F649}" type="datetime2">
              <a:rPr lang="da-DK" smtClean="0"/>
              <a:pPr/>
              <a:t>27. november 2024</a:t>
            </a:fld>
            <a:endParaRPr lang="da-DK" dirty="0"/>
          </a:p>
        </p:txBody>
      </p:sp>
      <p:sp>
        <p:nvSpPr>
          <p:cNvPr id="13" name="Slide Number Placeholder 5" hidden="1"/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100" b="1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fld id="{24C8C45C-947F-4981-8B3F-4F32E973C901}" type="slidenum">
              <a:rPr lang="da-DK" smtClean="0"/>
              <a:pPr rtl="0"/>
              <a:t>‹nr.›</a:t>
            </a:fld>
            <a:endParaRPr lang="da-DK" dirty="0"/>
          </a:p>
        </p:txBody>
      </p:sp>
      <p:sp>
        <p:nvSpPr>
          <p:cNvPr id="14" name="Footer Placeholder 4" hidden="1"/>
          <p:cNvSpPr>
            <a:spLocks noGrp="1"/>
          </p:cNvSpPr>
          <p:nvPr>
            <p:ph type="ftr" sz="quarter" idx="3"/>
          </p:nvPr>
        </p:nvSpPr>
        <p:spPr>
          <a:xfrm>
            <a:off x="0" y="70644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 rtl="0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7" name="Placeholder logo"/>
          <p:cNvSpPr>
            <a:spLocks noGrp="1"/>
          </p:cNvSpPr>
          <p:nvPr>
            <p:ph type="body" sz="quarter" idx="19" hasCustomPrompt="1"/>
          </p:nvPr>
        </p:nvSpPr>
        <p:spPr>
          <a:xfrm>
            <a:off x="10809164" y="398179"/>
            <a:ext cx="1051200" cy="14868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 marL="0" indent="0">
              <a:buNone/>
              <a:defRPr>
                <a:noFill/>
              </a:defRPr>
            </a:lvl1pPr>
          </a:lstStyle>
          <a:p>
            <a:pPr lvl="0"/>
            <a:r>
              <a:rPr lang="en-US" dirty="0"/>
              <a:t>.</a:t>
            </a:r>
            <a:endParaRPr lang="da-DK" dirty="0"/>
          </a:p>
        </p:txBody>
      </p:sp>
      <p:sp>
        <p:nvSpPr>
          <p:cNvPr id="2" name="Rectangle 1"/>
          <p:cNvSpPr/>
          <p:nvPr userDrawn="1"/>
        </p:nvSpPr>
        <p:spPr>
          <a:xfrm>
            <a:off x="9154950" y="-300028"/>
            <a:ext cx="160500" cy="1605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8" name="Rectangle 17"/>
          <p:cNvSpPr/>
          <p:nvPr userDrawn="1"/>
        </p:nvSpPr>
        <p:spPr>
          <a:xfrm>
            <a:off x="9353603" y="-300028"/>
            <a:ext cx="160500" cy="160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20" name="Rectangle 19"/>
          <p:cNvSpPr/>
          <p:nvPr userDrawn="1"/>
        </p:nvSpPr>
        <p:spPr>
          <a:xfrm>
            <a:off x="9552256" y="-300028"/>
            <a:ext cx="160500" cy="160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03727745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r>
              <a:rPr lang="da-DK" dirty="0"/>
              <a:t>Click to edit Master title style</a:t>
            </a:r>
          </a:p>
        </p:txBody>
      </p:sp>
      <p:sp>
        <p:nvSpPr>
          <p:cNvPr id="10" name="Date Placeholder 9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5" name="Text Placeholder 14"/>
          <p:cNvSpPr>
            <a:spLocks noGrp="1"/>
          </p:cNvSpPr>
          <p:nvPr>
            <p:ph type="body" sz="quarter" idx="13" hasCustomPrompt="1"/>
          </p:nvPr>
        </p:nvSpPr>
        <p:spPr>
          <a:xfrm>
            <a:off x="1539875" y="1987550"/>
            <a:ext cx="690563" cy="4113213"/>
          </a:xfrm>
        </p:spPr>
        <p:txBody>
          <a:bodyPr/>
          <a:lstStyle>
            <a:lvl1pPr marL="0" indent="0">
              <a:buNone/>
              <a:defRPr>
                <a:solidFill>
                  <a:schemeClr val="bg2"/>
                </a:solidFill>
              </a:defRPr>
            </a:lvl1pPr>
            <a:lvl2pPr marL="216000" indent="0">
              <a:buNone/>
              <a:defRPr>
                <a:solidFill>
                  <a:schemeClr val="bg2"/>
                </a:solidFill>
              </a:defRPr>
            </a:lvl2pPr>
            <a:lvl3pPr marL="432000" indent="0">
              <a:buNone/>
              <a:defRPr>
                <a:solidFill>
                  <a:schemeClr val="bg2"/>
                </a:solidFill>
              </a:defRPr>
            </a:lvl3pPr>
            <a:lvl4pPr marL="648000" indent="0">
              <a:buNone/>
              <a:defRPr>
                <a:solidFill>
                  <a:schemeClr val="bg2"/>
                </a:solidFill>
              </a:defRPr>
            </a:lvl4pPr>
            <a:lvl5pPr marL="864000" indent="0">
              <a:buNone/>
              <a:defRPr>
                <a:solidFill>
                  <a:schemeClr val="bg2"/>
                </a:solidFill>
              </a:defRPr>
            </a:lvl5pPr>
          </a:lstStyle>
          <a:p>
            <a:pPr lvl="0"/>
            <a:r>
              <a:rPr lang="da-DK" dirty="0"/>
              <a:t>Indsæt </a:t>
            </a:r>
            <a:r>
              <a:rPr lang="da-DK" dirty="0" err="1"/>
              <a:t>tids-punkt</a:t>
            </a:r>
            <a:r>
              <a:rPr lang="da-DK" dirty="0"/>
              <a:t> som fx 8.00</a:t>
            </a:r>
          </a:p>
        </p:txBody>
      </p:sp>
      <p:sp>
        <p:nvSpPr>
          <p:cNvPr id="16" name="Text Placeholder 14"/>
          <p:cNvSpPr>
            <a:spLocks noGrp="1"/>
          </p:cNvSpPr>
          <p:nvPr>
            <p:ph type="body" sz="quarter" idx="14" hasCustomPrompt="1"/>
          </p:nvPr>
        </p:nvSpPr>
        <p:spPr>
          <a:xfrm>
            <a:off x="2350197" y="1987550"/>
            <a:ext cx="6965253" cy="4113213"/>
          </a:xfrm>
        </p:spPr>
        <p:txBody>
          <a:bodyPr/>
          <a:lstStyle>
            <a:lvl1pPr marL="0" indent="0">
              <a:buNone/>
              <a:defRPr>
                <a:solidFill>
                  <a:schemeClr val="bg2"/>
                </a:solidFill>
              </a:defRPr>
            </a:lvl1pPr>
            <a:lvl2pPr marL="216000" indent="0">
              <a:buNone/>
              <a:defRPr>
                <a:solidFill>
                  <a:schemeClr val="bg2"/>
                </a:solidFill>
              </a:defRPr>
            </a:lvl2pPr>
            <a:lvl3pPr marL="432000" indent="0">
              <a:buNone/>
              <a:defRPr>
                <a:solidFill>
                  <a:schemeClr val="bg2"/>
                </a:solidFill>
              </a:defRPr>
            </a:lvl3pPr>
            <a:lvl4pPr marL="648000" indent="0">
              <a:buNone/>
              <a:defRPr>
                <a:solidFill>
                  <a:schemeClr val="bg2"/>
                </a:solidFill>
              </a:defRPr>
            </a:lvl4pPr>
            <a:lvl5pPr marL="864000" indent="0">
              <a:buNone/>
              <a:defRPr>
                <a:solidFill>
                  <a:schemeClr val="bg2"/>
                </a:solidFill>
              </a:defRPr>
            </a:lvl5pPr>
          </a:lstStyle>
          <a:p>
            <a:pPr lvl="0"/>
            <a:r>
              <a:rPr lang="da-DK" dirty="0"/>
              <a:t>Indsæt agenda</a:t>
            </a:r>
          </a:p>
        </p:txBody>
      </p:sp>
      <p:sp>
        <p:nvSpPr>
          <p:cNvPr id="13" name="TextBox 12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baggrundsfarven ændres til rød/grå.</a:t>
            </a:r>
          </a:p>
        </p:txBody>
      </p:sp>
      <p:pic>
        <p:nvPicPr>
          <p:cNvPr id="14" name="Logo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809164" y="398179"/>
            <a:ext cx="1051199" cy="1485568"/>
          </a:xfrm>
          <a:prstGeom prst="rect">
            <a:avLst/>
          </a:prstGeom>
        </p:spPr>
      </p:pic>
      <p:sp>
        <p:nvSpPr>
          <p:cNvPr id="18" name="Rectangle 17"/>
          <p:cNvSpPr/>
          <p:nvPr userDrawn="1"/>
        </p:nvSpPr>
        <p:spPr>
          <a:xfrm>
            <a:off x="4079074" y="-300028"/>
            <a:ext cx="160500" cy="1605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9" name="Rectangle 18"/>
          <p:cNvSpPr/>
          <p:nvPr userDrawn="1"/>
        </p:nvSpPr>
        <p:spPr>
          <a:xfrm>
            <a:off x="4277727" y="-300028"/>
            <a:ext cx="160500" cy="160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56876166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noProof="0" dirty="0"/>
              <a:t>Edit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06A73BF-020B-417D-A09B-710E77019837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Content Placeholder 4"/>
          <p:cNvSpPr>
            <a:spLocks noGrp="1"/>
          </p:cNvSpPr>
          <p:nvPr>
            <p:ph sz="quarter" idx="17" hasCustomPrompt="1"/>
          </p:nvPr>
        </p:nvSpPr>
        <p:spPr>
          <a:xfrm>
            <a:off x="10864800" y="4204800"/>
            <a:ext cx="1116000" cy="1116000"/>
          </a:xfrm>
        </p:spPr>
        <p:txBody>
          <a:bodyPr/>
          <a:lstStyle>
            <a:lvl1pPr marL="0" indent="0">
              <a:buNone/>
              <a:defRPr sz="1400" b="1"/>
            </a:lvl1pPr>
          </a:lstStyle>
          <a:p>
            <a:pPr lvl="0"/>
            <a:r>
              <a:rPr lang="da-DK" dirty="0"/>
              <a:t>Klik på denne pladsholder og indsæt ikon via Skyfish</a:t>
            </a:r>
          </a:p>
        </p:txBody>
      </p:sp>
      <p:sp>
        <p:nvSpPr>
          <p:cNvPr id="11" name="TextBox 10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man indsætte graﬁkelementer til højre for teksten. </a:t>
            </a:r>
          </a:p>
        </p:txBody>
      </p:sp>
    </p:spTree>
    <p:extLst>
      <p:ext uri="{BB962C8B-B14F-4D97-AF65-F5344CB8AC3E}">
        <p14:creationId xmlns:p14="http://schemas.microsoft.com/office/powerpoint/2010/main" val="115452933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dhold og faktabok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idx="1"/>
          </p:nvPr>
        </p:nvSpPr>
        <p:spPr>
          <a:xfrm>
            <a:off x="1540801" y="1989056"/>
            <a:ext cx="7776000" cy="4112944"/>
          </a:xfrm>
        </p:spPr>
        <p:txBody>
          <a:bodyPr/>
          <a:lstStyle/>
          <a:p>
            <a:pPr lvl="0"/>
            <a:r>
              <a:rPr lang="da-DK" noProof="0" dirty="0"/>
              <a:t>Edit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Faktaboks 3"/>
          <p:cNvSpPr>
            <a:spLocks noGrp="1"/>
          </p:cNvSpPr>
          <p:nvPr>
            <p:ph type="body" sz="quarter" idx="13"/>
          </p:nvPr>
        </p:nvSpPr>
        <p:spPr>
          <a:xfrm>
            <a:off x="9532800" y="2872800"/>
            <a:ext cx="2448000" cy="2451102"/>
          </a:xfrm>
          <a:custGeom>
            <a:avLst/>
            <a:gdLst>
              <a:gd name="connsiteX0" fmla="*/ 0 w 2448000"/>
              <a:gd name="connsiteY0" fmla="*/ 0 h 2451102"/>
              <a:gd name="connsiteX1" fmla="*/ 222403 w 2448000"/>
              <a:gd name="connsiteY1" fmla="*/ 0 h 2451102"/>
              <a:gd name="connsiteX2" fmla="*/ 430910 w 2448000"/>
              <a:gd name="connsiteY2" fmla="*/ 0 h 2451102"/>
              <a:gd name="connsiteX3" fmla="*/ 625970 w 2448000"/>
              <a:gd name="connsiteY3" fmla="*/ 0 h 2451102"/>
              <a:gd name="connsiteX4" fmla="*/ 808032 w 2448000"/>
              <a:gd name="connsiteY4" fmla="*/ 0 h 2451102"/>
              <a:gd name="connsiteX5" fmla="*/ 977542 w 2448000"/>
              <a:gd name="connsiteY5" fmla="*/ 0 h 2451102"/>
              <a:gd name="connsiteX6" fmla="*/ 1134950 w 2448000"/>
              <a:gd name="connsiteY6" fmla="*/ 0 h 2451102"/>
              <a:gd name="connsiteX7" fmla="*/ 1280703 w 2448000"/>
              <a:gd name="connsiteY7" fmla="*/ 0 h 2451102"/>
              <a:gd name="connsiteX8" fmla="*/ 1415250 w 2448000"/>
              <a:gd name="connsiteY8" fmla="*/ 0 h 2451102"/>
              <a:gd name="connsiteX9" fmla="*/ 1539040 w 2448000"/>
              <a:gd name="connsiteY9" fmla="*/ 0 h 2451102"/>
              <a:gd name="connsiteX10" fmla="*/ 1652520 w 2448000"/>
              <a:gd name="connsiteY10" fmla="*/ 0 h 2451102"/>
              <a:gd name="connsiteX11" fmla="*/ 1756138 w 2448000"/>
              <a:gd name="connsiteY11" fmla="*/ 0 h 2451102"/>
              <a:gd name="connsiteX12" fmla="*/ 1850344 w 2448000"/>
              <a:gd name="connsiteY12" fmla="*/ 0 h 2451102"/>
              <a:gd name="connsiteX13" fmla="*/ 1935585 w 2448000"/>
              <a:gd name="connsiteY13" fmla="*/ 0 h 2451102"/>
              <a:gd name="connsiteX14" fmla="*/ 2012309 w 2448000"/>
              <a:gd name="connsiteY14" fmla="*/ 0 h 2451102"/>
              <a:gd name="connsiteX15" fmla="*/ 2080965 w 2448000"/>
              <a:gd name="connsiteY15" fmla="*/ 0 h 2451102"/>
              <a:gd name="connsiteX16" fmla="*/ 2142000 w 2448000"/>
              <a:gd name="connsiteY16" fmla="*/ 0 h 2451102"/>
              <a:gd name="connsiteX17" fmla="*/ 2243004 w 2448000"/>
              <a:gd name="connsiteY17" fmla="*/ 0 h 2451102"/>
              <a:gd name="connsiteX18" fmla="*/ 2318906 w 2448000"/>
              <a:gd name="connsiteY18" fmla="*/ 0 h 2451102"/>
              <a:gd name="connsiteX19" fmla="*/ 2373293 w 2448000"/>
              <a:gd name="connsiteY19" fmla="*/ 0 h 2451102"/>
              <a:gd name="connsiteX20" fmla="*/ 2409750 w 2448000"/>
              <a:gd name="connsiteY20" fmla="*/ 0 h 2451102"/>
              <a:gd name="connsiteX21" fmla="*/ 2431864 w 2448000"/>
              <a:gd name="connsiteY21" fmla="*/ 0 h 2451102"/>
              <a:gd name="connsiteX22" fmla="*/ 2443219 w 2448000"/>
              <a:gd name="connsiteY22" fmla="*/ 0 h 2451102"/>
              <a:gd name="connsiteX23" fmla="*/ 2448000 w 2448000"/>
              <a:gd name="connsiteY23" fmla="*/ 0 h 2451102"/>
              <a:gd name="connsiteX24" fmla="*/ 2448000 w 2448000"/>
              <a:gd name="connsiteY24" fmla="*/ 192936 h 2451102"/>
              <a:gd name="connsiteX25" fmla="*/ 2448000 w 2448000"/>
              <a:gd name="connsiteY25" fmla="*/ 373817 h 2451102"/>
              <a:gd name="connsiteX26" fmla="*/ 2448000 w 2448000"/>
              <a:gd name="connsiteY26" fmla="*/ 543032 h 2451102"/>
              <a:gd name="connsiteX27" fmla="*/ 2448000 w 2448000"/>
              <a:gd name="connsiteY27" fmla="*/ 700971 h 2451102"/>
              <a:gd name="connsiteX28" fmla="*/ 2448000 w 2448000"/>
              <a:gd name="connsiteY28" fmla="*/ 848022 h 2451102"/>
              <a:gd name="connsiteX29" fmla="*/ 2448000 w 2448000"/>
              <a:gd name="connsiteY29" fmla="*/ 984574 h 2451102"/>
              <a:gd name="connsiteX30" fmla="*/ 2448000 w 2448000"/>
              <a:gd name="connsiteY30" fmla="*/ 1111016 h 2451102"/>
              <a:gd name="connsiteX31" fmla="*/ 2448000 w 2448000"/>
              <a:gd name="connsiteY31" fmla="*/ 1227737 h 2451102"/>
              <a:gd name="connsiteX32" fmla="*/ 2448000 w 2448000"/>
              <a:gd name="connsiteY32" fmla="*/ 1335125 h 2451102"/>
              <a:gd name="connsiteX33" fmla="*/ 2448000 w 2448000"/>
              <a:gd name="connsiteY33" fmla="*/ 1433569 h 2451102"/>
              <a:gd name="connsiteX34" fmla="*/ 2448000 w 2448000"/>
              <a:gd name="connsiteY34" fmla="*/ 1523459 h 2451102"/>
              <a:gd name="connsiteX35" fmla="*/ 2448000 w 2448000"/>
              <a:gd name="connsiteY35" fmla="*/ 1605183 h 2451102"/>
              <a:gd name="connsiteX36" fmla="*/ 2448000 w 2448000"/>
              <a:gd name="connsiteY36" fmla="*/ 1679129 h 2451102"/>
              <a:gd name="connsiteX37" fmla="*/ 2448000 w 2448000"/>
              <a:gd name="connsiteY37" fmla="*/ 1745688 h 2451102"/>
              <a:gd name="connsiteX38" fmla="*/ 2448000 w 2448000"/>
              <a:gd name="connsiteY38" fmla="*/ 1858196 h 2451102"/>
              <a:gd name="connsiteX39" fmla="*/ 2448000 w 2448000"/>
              <a:gd name="connsiteY39" fmla="*/ 1945817 h 2451102"/>
              <a:gd name="connsiteX40" fmla="*/ 2448000 w 2448000"/>
              <a:gd name="connsiteY40" fmla="*/ 2011663 h 2451102"/>
              <a:gd name="connsiteX41" fmla="*/ 2448000 w 2448000"/>
              <a:gd name="connsiteY41" fmla="*/ 2058844 h 2451102"/>
              <a:gd name="connsiteX42" fmla="*/ 2448000 w 2448000"/>
              <a:gd name="connsiteY42" fmla="*/ 2090471 h 2451102"/>
              <a:gd name="connsiteX43" fmla="*/ 2448000 w 2448000"/>
              <a:gd name="connsiteY43" fmla="*/ 2109654 h 2451102"/>
              <a:gd name="connsiteX44" fmla="*/ 2448000 w 2448000"/>
              <a:gd name="connsiteY44" fmla="*/ 2119505 h 2451102"/>
              <a:gd name="connsiteX45" fmla="*/ 2448000 w 2448000"/>
              <a:gd name="connsiteY45" fmla="*/ 2123653 h 2451102"/>
              <a:gd name="connsiteX46" fmla="*/ 2124140 w 2448000"/>
              <a:gd name="connsiteY46" fmla="*/ 2451102 h 2451102"/>
              <a:gd name="connsiteX47" fmla="*/ 0 w 2448000"/>
              <a:gd name="connsiteY47" fmla="*/ 2451102 h 24511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</a:cxnLst>
            <a:rect l="l" t="t" r="r" b="b"/>
            <a:pathLst>
              <a:path w="2448000" h="2451102">
                <a:moveTo>
                  <a:pt x="0" y="0"/>
                </a:moveTo>
                <a:lnTo>
                  <a:pt x="222403" y="0"/>
                </a:lnTo>
                <a:lnTo>
                  <a:pt x="430910" y="0"/>
                </a:lnTo>
                <a:lnTo>
                  <a:pt x="625970" y="0"/>
                </a:lnTo>
                <a:lnTo>
                  <a:pt x="808032" y="0"/>
                </a:lnTo>
                <a:lnTo>
                  <a:pt x="977542" y="0"/>
                </a:lnTo>
                <a:lnTo>
                  <a:pt x="1134950" y="0"/>
                </a:lnTo>
                <a:lnTo>
                  <a:pt x="1280703" y="0"/>
                </a:lnTo>
                <a:lnTo>
                  <a:pt x="1415250" y="0"/>
                </a:lnTo>
                <a:lnTo>
                  <a:pt x="1539040" y="0"/>
                </a:lnTo>
                <a:lnTo>
                  <a:pt x="1652520" y="0"/>
                </a:lnTo>
                <a:lnTo>
                  <a:pt x="1756138" y="0"/>
                </a:lnTo>
                <a:lnTo>
                  <a:pt x="1850344" y="0"/>
                </a:lnTo>
                <a:lnTo>
                  <a:pt x="1935585" y="0"/>
                </a:lnTo>
                <a:lnTo>
                  <a:pt x="2012309" y="0"/>
                </a:lnTo>
                <a:lnTo>
                  <a:pt x="2080965" y="0"/>
                </a:lnTo>
                <a:lnTo>
                  <a:pt x="2142000" y="0"/>
                </a:lnTo>
                <a:lnTo>
                  <a:pt x="2243004" y="0"/>
                </a:lnTo>
                <a:lnTo>
                  <a:pt x="2318906" y="0"/>
                </a:lnTo>
                <a:lnTo>
                  <a:pt x="2373293" y="0"/>
                </a:lnTo>
                <a:lnTo>
                  <a:pt x="2409750" y="0"/>
                </a:lnTo>
                <a:lnTo>
                  <a:pt x="2431864" y="0"/>
                </a:lnTo>
                <a:lnTo>
                  <a:pt x="2443219" y="0"/>
                </a:lnTo>
                <a:lnTo>
                  <a:pt x="2448000" y="0"/>
                </a:lnTo>
                <a:lnTo>
                  <a:pt x="2448000" y="192936"/>
                </a:lnTo>
                <a:lnTo>
                  <a:pt x="2448000" y="373817"/>
                </a:lnTo>
                <a:lnTo>
                  <a:pt x="2448000" y="543032"/>
                </a:lnTo>
                <a:lnTo>
                  <a:pt x="2448000" y="700971"/>
                </a:lnTo>
                <a:lnTo>
                  <a:pt x="2448000" y="848022"/>
                </a:lnTo>
                <a:lnTo>
                  <a:pt x="2448000" y="984574"/>
                </a:lnTo>
                <a:lnTo>
                  <a:pt x="2448000" y="1111016"/>
                </a:lnTo>
                <a:lnTo>
                  <a:pt x="2448000" y="1227737"/>
                </a:lnTo>
                <a:lnTo>
                  <a:pt x="2448000" y="1335125"/>
                </a:lnTo>
                <a:lnTo>
                  <a:pt x="2448000" y="1433569"/>
                </a:lnTo>
                <a:lnTo>
                  <a:pt x="2448000" y="1523459"/>
                </a:lnTo>
                <a:lnTo>
                  <a:pt x="2448000" y="1605183"/>
                </a:lnTo>
                <a:lnTo>
                  <a:pt x="2448000" y="1679129"/>
                </a:lnTo>
                <a:lnTo>
                  <a:pt x="2448000" y="1745688"/>
                </a:lnTo>
                <a:lnTo>
                  <a:pt x="2448000" y="1858196"/>
                </a:lnTo>
                <a:lnTo>
                  <a:pt x="2448000" y="1945817"/>
                </a:lnTo>
                <a:lnTo>
                  <a:pt x="2448000" y="2011663"/>
                </a:lnTo>
                <a:lnTo>
                  <a:pt x="2448000" y="2058844"/>
                </a:lnTo>
                <a:lnTo>
                  <a:pt x="2448000" y="2090471"/>
                </a:lnTo>
                <a:lnTo>
                  <a:pt x="2448000" y="2109654"/>
                </a:lnTo>
                <a:lnTo>
                  <a:pt x="2448000" y="2119505"/>
                </a:lnTo>
                <a:lnTo>
                  <a:pt x="2448000" y="2123653"/>
                </a:lnTo>
                <a:cubicBezTo>
                  <a:pt x="2324171" y="2250818"/>
                  <a:pt x="2251144" y="2323937"/>
                  <a:pt x="2124140" y="2451102"/>
                </a:cubicBezTo>
                <a:cubicBezTo>
                  <a:pt x="0" y="2451102"/>
                  <a:pt x="0" y="2451102"/>
                  <a:pt x="0" y="2451102"/>
                </a:cubicBezTo>
                <a:close/>
              </a:path>
            </a:pathLst>
          </a:custGeom>
          <a:solidFill>
            <a:schemeClr val="accent1"/>
          </a:solidFill>
        </p:spPr>
        <p:txBody>
          <a:bodyPr wrap="square" lIns="216000" tIns="216000" rIns="216000" bIns="216000" anchor="ctr" anchorCtr="0">
            <a:noAutofit/>
          </a:bodyPr>
          <a:lstStyle>
            <a:lvl1pPr marL="0" indent="0">
              <a:spcAft>
                <a:spcPts val="500"/>
              </a:spcAft>
              <a:buNone/>
              <a:defRPr sz="1400" b="1">
                <a:solidFill>
                  <a:schemeClr val="bg2"/>
                </a:solidFill>
              </a:defRPr>
            </a:lvl1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</p:txBody>
      </p:sp>
      <p:sp>
        <p:nvSpPr>
          <p:cNvPr id="14" name="Slide Number Placeholder 1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Date Placeholder 1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13" name="Footer Placeholder 1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1751309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dhold og ikon,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ød baggr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9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r>
              <a:rPr lang="da-DK" dirty="0"/>
              <a:t>Click to edit Master title style</a:t>
            </a:r>
          </a:p>
        </p:txBody>
      </p:sp>
      <p:sp>
        <p:nvSpPr>
          <p:cNvPr id="10" name="Content Placeholder 2"/>
          <p:cNvSpPr>
            <a:spLocks noGrp="1"/>
          </p:cNvSpPr>
          <p:nvPr>
            <p:ph idx="1"/>
          </p:nvPr>
        </p:nvSpPr>
        <p:spPr>
          <a:xfrm>
            <a:off x="1540801" y="1989056"/>
            <a:ext cx="7776000" cy="4112944"/>
          </a:xfrm>
        </p:spPr>
        <p:txBody>
          <a:bodyPr/>
          <a:lstStyle>
            <a:lvl1pPr>
              <a:buClr>
                <a:schemeClr val="bg2"/>
              </a:buClr>
              <a:defRPr>
                <a:solidFill>
                  <a:schemeClr val="bg2"/>
                </a:solidFill>
              </a:defRPr>
            </a:lvl1pPr>
            <a:lvl2pPr>
              <a:buClr>
                <a:schemeClr val="bg2"/>
              </a:buClr>
              <a:defRPr>
                <a:solidFill>
                  <a:schemeClr val="bg2"/>
                </a:solidFill>
              </a:defRPr>
            </a:lvl2pPr>
            <a:lvl3pPr>
              <a:buClr>
                <a:schemeClr val="bg2"/>
              </a:buClr>
              <a:defRPr>
                <a:solidFill>
                  <a:schemeClr val="bg2"/>
                </a:solidFill>
              </a:defRPr>
            </a:lvl3pPr>
            <a:lvl4pPr>
              <a:buClr>
                <a:schemeClr val="bg2"/>
              </a:buClr>
              <a:defRPr>
                <a:solidFill>
                  <a:schemeClr val="bg2"/>
                </a:solidFill>
              </a:defRPr>
            </a:lvl4pPr>
            <a:lvl5pPr>
              <a:buClr>
                <a:schemeClr val="bg2"/>
              </a:buClr>
              <a:defRPr>
                <a:solidFill>
                  <a:schemeClr val="bg2"/>
                </a:solidFill>
              </a:defRPr>
            </a:lvl5pPr>
            <a:lvl6pPr>
              <a:buClr>
                <a:schemeClr val="bg2"/>
              </a:buClr>
              <a:defRPr>
                <a:solidFill>
                  <a:schemeClr val="bg2"/>
                </a:solidFill>
              </a:defRPr>
            </a:lvl6pPr>
            <a:lvl7pPr>
              <a:buClr>
                <a:schemeClr val="bg2"/>
              </a:buClr>
              <a:defRPr>
                <a:solidFill>
                  <a:schemeClr val="bg2"/>
                </a:solidFill>
              </a:defRPr>
            </a:lvl7pPr>
            <a:lvl8pPr>
              <a:buClr>
                <a:schemeClr val="bg2"/>
              </a:buClr>
              <a:defRPr>
                <a:solidFill>
                  <a:schemeClr val="bg2"/>
                </a:solidFill>
              </a:defRPr>
            </a:lvl8pPr>
            <a:lvl9pPr>
              <a:buClr>
                <a:schemeClr val="bg2"/>
              </a:buClr>
              <a:defRPr>
                <a:solidFill>
                  <a:schemeClr val="bg2"/>
                </a:solidFill>
              </a:defRPr>
            </a:lvl9pPr>
          </a:lstStyle>
          <a:p>
            <a:pPr lvl="0"/>
            <a:r>
              <a:rPr lang="da-DK" noProof="0" dirty="0"/>
              <a:t>Edit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5"/>
            <a:r>
              <a:rPr lang="da-DK" noProof="0" dirty="0"/>
              <a:t>6</a:t>
            </a:r>
          </a:p>
          <a:p>
            <a:pPr lvl="6"/>
            <a:r>
              <a:rPr lang="da-DK" noProof="0" dirty="0"/>
              <a:t>7</a:t>
            </a:r>
          </a:p>
          <a:p>
            <a:pPr lvl="7"/>
            <a:r>
              <a:rPr lang="da-DK" noProof="0" dirty="0"/>
              <a:t>8</a:t>
            </a:r>
          </a:p>
          <a:p>
            <a:pPr lvl="8"/>
            <a:r>
              <a:rPr lang="da-DK" noProof="0" dirty="0"/>
              <a:t>9</a:t>
            </a:r>
          </a:p>
        </p:txBody>
      </p:sp>
      <p:sp>
        <p:nvSpPr>
          <p:cNvPr id="18" name="Content Placeholder 3"/>
          <p:cNvSpPr>
            <a:spLocks noGrp="1"/>
          </p:cNvSpPr>
          <p:nvPr>
            <p:ph sz="quarter" idx="18" hasCustomPrompt="1"/>
          </p:nvPr>
        </p:nvSpPr>
        <p:spPr>
          <a:xfrm>
            <a:off x="9532800" y="2872800"/>
            <a:ext cx="2448000" cy="2448000"/>
          </a:xfrm>
        </p:spPr>
        <p:txBody>
          <a:bodyPr/>
          <a:lstStyle>
            <a:lvl1pPr marL="0" indent="0">
              <a:buNone/>
              <a:defRPr sz="1400">
                <a:solidFill>
                  <a:schemeClr val="bg2"/>
                </a:solidFill>
              </a:defRPr>
            </a:lvl1pPr>
          </a:lstStyle>
          <a:p>
            <a:pPr lvl="0"/>
            <a:r>
              <a:rPr lang="da-DK" dirty="0"/>
              <a:t>Klik på denne pladsholder og indsæt ikon via Skyfish</a:t>
            </a:r>
          </a:p>
        </p:txBody>
      </p:sp>
      <p:sp>
        <p:nvSpPr>
          <p:cNvPr id="14" name="Slide Number Placeholder 1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Date Placeholder 1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9FE36D3-6D8A-41B0-8F1B-2F75587B4040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13" name="Footer Placeholder 1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0" name="TextBox 19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man indsætte graﬁkelementer til højre for teksten. </a:t>
            </a:r>
          </a:p>
        </p:txBody>
      </p:sp>
      <p:pic>
        <p:nvPicPr>
          <p:cNvPr id="21" name="Logo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809164" y="398179"/>
            <a:ext cx="1051199" cy="14855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40661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, indhold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540801" y="1989056"/>
            <a:ext cx="5112000" cy="4112944"/>
          </a:xfrm>
        </p:spPr>
        <p:txBody>
          <a:bodyPr/>
          <a:lstStyle/>
          <a:p>
            <a:pPr lvl="0"/>
            <a:r>
              <a:rPr lang="da-DK" noProof="0" dirty="0"/>
              <a:t>Edit Master </a:t>
            </a:r>
            <a:r>
              <a:rPr lang="da-DK" noProof="0" dirty="0" err="1"/>
              <a:t>text</a:t>
            </a:r>
            <a:r>
              <a:rPr lang="da-DK" noProof="0" dirty="0"/>
              <a:t> styles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06A73BF-020B-417D-A09B-710E77019837}" type="datetime2">
              <a:rPr lang="da-DK" smtClean="0"/>
              <a:t>27. november 2024</a:t>
            </a:fld>
            <a:endParaRPr lang="da-DK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Picture Placeholder 12"/>
          <p:cNvSpPr>
            <a:spLocks noGrp="1"/>
          </p:cNvSpPr>
          <p:nvPr>
            <p:ph type="pic" sz="quarter" idx="14" hasCustomPrompt="1"/>
          </p:nvPr>
        </p:nvSpPr>
        <p:spPr>
          <a:xfrm>
            <a:off x="7346400" y="1989056"/>
            <a:ext cx="4392000" cy="4392000"/>
          </a:xfrm>
          <a:custGeom>
            <a:avLst/>
            <a:gdLst>
              <a:gd name="connsiteX0" fmla="*/ 0 w 4392000"/>
              <a:gd name="connsiteY0" fmla="*/ 0 h 4392000"/>
              <a:gd name="connsiteX1" fmla="*/ 1073 w 4392000"/>
              <a:gd name="connsiteY1" fmla="*/ 0 h 4392000"/>
              <a:gd name="connsiteX2" fmla="*/ 8578 w 4392000"/>
              <a:gd name="connsiteY2" fmla="*/ 0 h 4392000"/>
              <a:gd name="connsiteX3" fmla="*/ 28951 w 4392000"/>
              <a:gd name="connsiteY3" fmla="*/ 0 h 4392000"/>
              <a:gd name="connsiteX4" fmla="*/ 68625 w 4392000"/>
              <a:gd name="connsiteY4" fmla="*/ 0 h 4392000"/>
              <a:gd name="connsiteX5" fmla="*/ 97711 w 4392000"/>
              <a:gd name="connsiteY5" fmla="*/ 0 h 4392000"/>
              <a:gd name="connsiteX6" fmla="*/ 134034 w 4392000"/>
              <a:gd name="connsiteY6" fmla="*/ 0 h 4392000"/>
              <a:gd name="connsiteX7" fmla="*/ 178399 w 4392000"/>
              <a:gd name="connsiteY7" fmla="*/ 0 h 4392000"/>
              <a:gd name="connsiteX8" fmla="*/ 231610 w 4392000"/>
              <a:gd name="connsiteY8" fmla="*/ 0 h 4392000"/>
              <a:gd name="connsiteX9" fmla="*/ 294471 w 4392000"/>
              <a:gd name="connsiteY9" fmla="*/ 0 h 4392000"/>
              <a:gd name="connsiteX10" fmla="*/ 367787 w 4392000"/>
              <a:gd name="connsiteY10" fmla="*/ 0 h 4392000"/>
              <a:gd name="connsiteX11" fmla="*/ 452362 w 4392000"/>
              <a:gd name="connsiteY11" fmla="*/ 0 h 4392000"/>
              <a:gd name="connsiteX12" fmla="*/ 549000 w 4392000"/>
              <a:gd name="connsiteY12" fmla="*/ 0 h 4392000"/>
              <a:gd name="connsiteX13" fmla="*/ 658505 w 4392000"/>
              <a:gd name="connsiteY13" fmla="*/ 0 h 4392000"/>
              <a:gd name="connsiteX14" fmla="*/ 781682 w 4392000"/>
              <a:gd name="connsiteY14" fmla="*/ 0 h 4392000"/>
              <a:gd name="connsiteX15" fmla="*/ 919334 w 4392000"/>
              <a:gd name="connsiteY15" fmla="*/ 0 h 4392000"/>
              <a:gd name="connsiteX16" fmla="*/ 1072266 w 4392000"/>
              <a:gd name="connsiteY16" fmla="*/ 0 h 4392000"/>
              <a:gd name="connsiteX17" fmla="*/ 1241282 w 4392000"/>
              <a:gd name="connsiteY17" fmla="*/ 0 h 4392000"/>
              <a:gd name="connsiteX18" fmla="*/ 1427186 w 4392000"/>
              <a:gd name="connsiteY18" fmla="*/ 0 h 4392000"/>
              <a:gd name="connsiteX19" fmla="*/ 1630782 w 4392000"/>
              <a:gd name="connsiteY19" fmla="*/ 0 h 4392000"/>
              <a:gd name="connsiteX20" fmla="*/ 1852875 w 4392000"/>
              <a:gd name="connsiteY20" fmla="*/ 0 h 4392000"/>
              <a:gd name="connsiteX21" fmla="*/ 2094269 w 4392000"/>
              <a:gd name="connsiteY21" fmla="*/ 0 h 4392000"/>
              <a:gd name="connsiteX22" fmla="*/ 2355768 w 4392000"/>
              <a:gd name="connsiteY22" fmla="*/ 0 h 4392000"/>
              <a:gd name="connsiteX23" fmla="*/ 2638176 w 4392000"/>
              <a:gd name="connsiteY23" fmla="*/ 0 h 4392000"/>
              <a:gd name="connsiteX24" fmla="*/ 2942297 w 4392000"/>
              <a:gd name="connsiteY24" fmla="*/ 0 h 4392000"/>
              <a:gd name="connsiteX25" fmla="*/ 3268936 w 4392000"/>
              <a:gd name="connsiteY25" fmla="*/ 0 h 4392000"/>
              <a:gd name="connsiteX26" fmla="*/ 3618896 w 4392000"/>
              <a:gd name="connsiteY26" fmla="*/ 0 h 4392000"/>
              <a:gd name="connsiteX27" fmla="*/ 3992983 w 4392000"/>
              <a:gd name="connsiteY27" fmla="*/ 0 h 4392000"/>
              <a:gd name="connsiteX28" fmla="*/ 4392000 w 4392000"/>
              <a:gd name="connsiteY28" fmla="*/ 0 h 4392000"/>
              <a:gd name="connsiteX29" fmla="*/ 4392000 w 4392000"/>
              <a:gd name="connsiteY29" fmla="*/ 930 h 4392000"/>
              <a:gd name="connsiteX30" fmla="*/ 4392000 w 4392000"/>
              <a:gd name="connsiteY30" fmla="*/ 7437 h 4392000"/>
              <a:gd name="connsiteX31" fmla="*/ 4392000 w 4392000"/>
              <a:gd name="connsiteY31" fmla="*/ 25100 h 4392000"/>
              <a:gd name="connsiteX32" fmla="*/ 4392000 w 4392000"/>
              <a:gd name="connsiteY32" fmla="*/ 59495 h 4392000"/>
              <a:gd name="connsiteX33" fmla="*/ 4392000 w 4392000"/>
              <a:gd name="connsiteY33" fmla="*/ 116201 h 4392000"/>
              <a:gd name="connsiteX34" fmla="*/ 4392000 w 4392000"/>
              <a:gd name="connsiteY34" fmla="*/ 154663 h 4392000"/>
              <a:gd name="connsiteX35" fmla="*/ 4392000 w 4392000"/>
              <a:gd name="connsiteY35" fmla="*/ 200795 h 4392000"/>
              <a:gd name="connsiteX36" fmla="*/ 4392000 w 4392000"/>
              <a:gd name="connsiteY36" fmla="*/ 255293 h 4392000"/>
              <a:gd name="connsiteX37" fmla="*/ 4392000 w 4392000"/>
              <a:gd name="connsiteY37" fmla="*/ 318855 h 4392000"/>
              <a:gd name="connsiteX38" fmla="*/ 4392000 w 4392000"/>
              <a:gd name="connsiteY38" fmla="*/ 392178 h 4392000"/>
              <a:gd name="connsiteX39" fmla="*/ 4392000 w 4392000"/>
              <a:gd name="connsiteY39" fmla="*/ 475959 h 4392000"/>
              <a:gd name="connsiteX40" fmla="*/ 4392000 w 4392000"/>
              <a:gd name="connsiteY40" fmla="*/ 570895 h 4392000"/>
              <a:gd name="connsiteX41" fmla="*/ 4392000 w 4392000"/>
              <a:gd name="connsiteY41" fmla="*/ 677684 h 4392000"/>
              <a:gd name="connsiteX42" fmla="*/ 4392000 w 4392000"/>
              <a:gd name="connsiteY42" fmla="*/ 797022 h 4392000"/>
              <a:gd name="connsiteX43" fmla="*/ 4392000 w 4392000"/>
              <a:gd name="connsiteY43" fmla="*/ 929607 h 4392000"/>
              <a:gd name="connsiteX44" fmla="*/ 4392000 w 4392000"/>
              <a:gd name="connsiteY44" fmla="*/ 1076136 h 4392000"/>
              <a:gd name="connsiteX45" fmla="*/ 4392000 w 4392000"/>
              <a:gd name="connsiteY45" fmla="*/ 1237307 h 4392000"/>
              <a:gd name="connsiteX46" fmla="*/ 4392000 w 4392000"/>
              <a:gd name="connsiteY46" fmla="*/ 1413816 h 4392000"/>
              <a:gd name="connsiteX47" fmla="*/ 4392000 w 4392000"/>
              <a:gd name="connsiteY47" fmla="*/ 1606361 h 4392000"/>
              <a:gd name="connsiteX48" fmla="*/ 4392000 w 4392000"/>
              <a:gd name="connsiteY48" fmla="*/ 1815639 h 4392000"/>
              <a:gd name="connsiteX49" fmla="*/ 4392000 w 4392000"/>
              <a:gd name="connsiteY49" fmla="*/ 2042347 h 4392000"/>
              <a:gd name="connsiteX50" fmla="*/ 4392000 w 4392000"/>
              <a:gd name="connsiteY50" fmla="*/ 2287182 h 4392000"/>
              <a:gd name="connsiteX51" fmla="*/ 4392000 w 4392000"/>
              <a:gd name="connsiteY51" fmla="*/ 2550842 h 4392000"/>
              <a:gd name="connsiteX52" fmla="*/ 4392000 w 4392000"/>
              <a:gd name="connsiteY52" fmla="*/ 2834023 h 4392000"/>
              <a:gd name="connsiteX53" fmla="*/ 4392000 w 4392000"/>
              <a:gd name="connsiteY53" fmla="*/ 3137424 h 4392000"/>
              <a:gd name="connsiteX54" fmla="*/ 4392000 w 4392000"/>
              <a:gd name="connsiteY54" fmla="*/ 3461740 h 4392000"/>
              <a:gd name="connsiteX55" fmla="*/ 4392000 w 4392000"/>
              <a:gd name="connsiteY55" fmla="*/ 3807670 h 4392000"/>
              <a:gd name="connsiteX56" fmla="*/ 3808093 w 4392000"/>
              <a:gd name="connsiteY56" fmla="*/ 4392000 h 4392000"/>
              <a:gd name="connsiteX57" fmla="*/ 3807163 w 4392000"/>
              <a:gd name="connsiteY57" fmla="*/ 4392000 h 4392000"/>
              <a:gd name="connsiteX58" fmla="*/ 3800655 w 4392000"/>
              <a:gd name="connsiteY58" fmla="*/ 4392000 h 4392000"/>
              <a:gd name="connsiteX59" fmla="*/ 3782991 w 4392000"/>
              <a:gd name="connsiteY59" fmla="*/ 4392000 h 4392000"/>
              <a:gd name="connsiteX60" fmla="*/ 3748592 w 4392000"/>
              <a:gd name="connsiteY60" fmla="*/ 4392000 h 4392000"/>
              <a:gd name="connsiteX61" fmla="*/ 3691879 w 4392000"/>
              <a:gd name="connsiteY61" fmla="*/ 4392000 h 4392000"/>
              <a:gd name="connsiteX62" fmla="*/ 3653412 w 4392000"/>
              <a:gd name="connsiteY62" fmla="*/ 4392000 h 4392000"/>
              <a:gd name="connsiteX63" fmla="*/ 3607276 w 4392000"/>
              <a:gd name="connsiteY63" fmla="*/ 4392000 h 4392000"/>
              <a:gd name="connsiteX64" fmla="*/ 3552771 w 4392000"/>
              <a:gd name="connsiteY64" fmla="*/ 4392000 h 4392000"/>
              <a:gd name="connsiteX65" fmla="*/ 3489202 w 4392000"/>
              <a:gd name="connsiteY65" fmla="*/ 4392000 h 4392000"/>
              <a:gd name="connsiteX66" fmla="*/ 3415872 w 4392000"/>
              <a:gd name="connsiteY66" fmla="*/ 4392000 h 4392000"/>
              <a:gd name="connsiteX67" fmla="*/ 3332081 w 4392000"/>
              <a:gd name="connsiteY67" fmla="*/ 4392000 h 4392000"/>
              <a:gd name="connsiteX68" fmla="*/ 3237135 w 4392000"/>
              <a:gd name="connsiteY68" fmla="*/ 4392000 h 4392000"/>
              <a:gd name="connsiteX69" fmla="*/ 3130334 w 4392000"/>
              <a:gd name="connsiteY69" fmla="*/ 4392000 h 4392000"/>
              <a:gd name="connsiteX70" fmla="*/ 3010983 w 4392000"/>
              <a:gd name="connsiteY70" fmla="*/ 4392000 h 4392000"/>
              <a:gd name="connsiteX71" fmla="*/ 2878383 w 4392000"/>
              <a:gd name="connsiteY71" fmla="*/ 4392000 h 4392000"/>
              <a:gd name="connsiteX72" fmla="*/ 2731837 w 4392000"/>
              <a:gd name="connsiteY72" fmla="*/ 4392000 h 4392000"/>
              <a:gd name="connsiteX73" fmla="*/ 2570649 w 4392000"/>
              <a:gd name="connsiteY73" fmla="*/ 4392000 h 4392000"/>
              <a:gd name="connsiteX74" fmla="*/ 2394120 w 4392000"/>
              <a:gd name="connsiteY74" fmla="*/ 4392000 h 4392000"/>
              <a:gd name="connsiteX75" fmla="*/ 2201554 w 4392000"/>
              <a:gd name="connsiteY75" fmla="*/ 4392000 h 4392000"/>
              <a:gd name="connsiteX76" fmla="*/ 1992253 w 4392000"/>
              <a:gd name="connsiteY76" fmla="*/ 4392000 h 4392000"/>
              <a:gd name="connsiteX77" fmla="*/ 1765520 w 4392000"/>
              <a:gd name="connsiteY77" fmla="*/ 4392000 h 4392000"/>
              <a:gd name="connsiteX78" fmla="*/ 1520657 w 4392000"/>
              <a:gd name="connsiteY78" fmla="*/ 4392000 h 4392000"/>
              <a:gd name="connsiteX79" fmla="*/ 1256968 w 4392000"/>
              <a:gd name="connsiteY79" fmla="*/ 4392000 h 4392000"/>
              <a:gd name="connsiteX80" fmla="*/ 973755 w 4392000"/>
              <a:gd name="connsiteY80" fmla="*/ 4392000 h 4392000"/>
              <a:gd name="connsiteX81" fmla="*/ 670321 w 4392000"/>
              <a:gd name="connsiteY81" fmla="*/ 4392000 h 4392000"/>
              <a:gd name="connsiteX82" fmla="*/ 345969 w 4392000"/>
              <a:gd name="connsiteY82" fmla="*/ 4392000 h 4392000"/>
              <a:gd name="connsiteX83" fmla="*/ 0 w 4392000"/>
              <a:gd name="connsiteY83" fmla="*/ 4392000 h 4392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</a:cxnLst>
            <a:rect l="l" t="t" r="r" b="b"/>
            <a:pathLst>
              <a:path w="4392000" h="4392000">
                <a:moveTo>
                  <a:pt x="0" y="0"/>
                </a:moveTo>
                <a:lnTo>
                  <a:pt x="1073" y="0"/>
                </a:lnTo>
                <a:lnTo>
                  <a:pt x="8578" y="0"/>
                </a:lnTo>
                <a:lnTo>
                  <a:pt x="28951" y="0"/>
                </a:lnTo>
                <a:lnTo>
                  <a:pt x="68625" y="0"/>
                </a:lnTo>
                <a:lnTo>
                  <a:pt x="97711" y="0"/>
                </a:lnTo>
                <a:lnTo>
                  <a:pt x="134034" y="0"/>
                </a:lnTo>
                <a:lnTo>
                  <a:pt x="178399" y="0"/>
                </a:lnTo>
                <a:lnTo>
                  <a:pt x="231610" y="0"/>
                </a:lnTo>
                <a:lnTo>
                  <a:pt x="294471" y="0"/>
                </a:lnTo>
                <a:lnTo>
                  <a:pt x="367787" y="0"/>
                </a:lnTo>
                <a:lnTo>
                  <a:pt x="452362" y="0"/>
                </a:lnTo>
                <a:lnTo>
                  <a:pt x="549000" y="0"/>
                </a:lnTo>
                <a:lnTo>
                  <a:pt x="658505" y="0"/>
                </a:lnTo>
                <a:lnTo>
                  <a:pt x="781682" y="0"/>
                </a:lnTo>
                <a:lnTo>
                  <a:pt x="919334" y="0"/>
                </a:lnTo>
                <a:lnTo>
                  <a:pt x="1072266" y="0"/>
                </a:lnTo>
                <a:lnTo>
                  <a:pt x="1241282" y="0"/>
                </a:lnTo>
                <a:lnTo>
                  <a:pt x="1427186" y="0"/>
                </a:lnTo>
                <a:lnTo>
                  <a:pt x="1630782" y="0"/>
                </a:lnTo>
                <a:lnTo>
                  <a:pt x="1852875" y="0"/>
                </a:lnTo>
                <a:lnTo>
                  <a:pt x="2094269" y="0"/>
                </a:lnTo>
                <a:lnTo>
                  <a:pt x="2355768" y="0"/>
                </a:lnTo>
                <a:lnTo>
                  <a:pt x="2638176" y="0"/>
                </a:lnTo>
                <a:lnTo>
                  <a:pt x="2942297" y="0"/>
                </a:lnTo>
                <a:lnTo>
                  <a:pt x="3268936" y="0"/>
                </a:lnTo>
                <a:lnTo>
                  <a:pt x="3618896" y="0"/>
                </a:lnTo>
                <a:lnTo>
                  <a:pt x="3992983" y="0"/>
                </a:lnTo>
                <a:lnTo>
                  <a:pt x="4392000" y="0"/>
                </a:lnTo>
                <a:lnTo>
                  <a:pt x="4392000" y="930"/>
                </a:lnTo>
                <a:lnTo>
                  <a:pt x="4392000" y="7437"/>
                </a:lnTo>
                <a:lnTo>
                  <a:pt x="4392000" y="25100"/>
                </a:lnTo>
                <a:lnTo>
                  <a:pt x="4392000" y="59495"/>
                </a:lnTo>
                <a:lnTo>
                  <a:pt x="4392000" y="116201"/>
                </a:lnTo>
                <a:lnTo>
                  <a:pt x="4392000" y="154663"/>
                </a:lnTo>
                <a:lnTo>
                  <a:pt x="4392000" y="200795"/>
                </a:lnTo>
                <a:lnTo>
                  <a:pt x="4392000" y="255293"/>
                </a:lnTo>
                <a:lnTo>
                  <a:pt x="4392000" y="318855"/>
                </a:lnTo>
                <a:lnTo>
                  <a:pt x="4392000" y="392178"/>
                </a:lnTo>
                <a:lnTo>
                  <a:pt x="4392000" y="475959"/>
                </a:lnTo>
                <a:lnTo>
                  <a:pt x="4392000" y="570895"/>
                </a:lnTo>
                <a:lnTo>
                  <a:pt x="4392000" y="677684"/>
                </a:lnTo>
                <a:lnTo>
                  <a:pt x="4392000" y="797022"/>
                </a:lnTo>
                <a:lnTo>
                  <a:pt x="4392000" y="929607"/>
                </a:lnTo>
                <a:lnTo>
                  <a:pt x="4392000" y="1076136"/>
                </a:lnTo>
                <a:lnTo>
                  <a:pt x="4392000" y="1237307"/>
                </a:lnTo>
                <a:lnTo>
                  <a:pt x="4392000" y="1413816"/>
                </a:lnTo>
                <a:lnTo>
                  <a:pt x="4392000" y="1606361"/>
                </a:lnTo>
                <a:lnTo>
                  <a:pt x="4392000" y="1815639"/>
                </a:lnTo>
                <a:lnTo>
                  <a:pt x="4392000" y="2042347"/>
                </a:lnTo>
                <a:lnTo>
                  <a:pt x="4392000" y="2287182"/>
                </a:lnTo>
                <a:lnTo>
                  <a:pt x="4392000" y="2550842"/>
                </a:lnTo>
                <a:lnTo>
                  <a:pt x="4392000" y="2834023"/>
                </a:lnTo>
                <a:lnTo>
                  <a:pt x="4392000" y="3137424"/>
                </a:lnTo>
                <a:lnTo>
                  <a:pt x="4392000" y="3461740"/>
                </a:lnTo>
                <a:lnTo>
                  <a:pt x="4392000" y="3807670"/>
                </a:lnTo>
                <a:cubicBezTo>
                  <a:pt x="4163515" y="4036321"/>
                  <a:pt x="4036578" y="4163349"/>
                  <a:pt x="3808093" y="4392000"/>
                </a:cubicBezTo>
                <a:lnTo>
                  <a:pt x="3807163" y="4392000"/>
                </a:lnTo>
                <a:lnTo>
                  <a:pt x="3800655" y="4392000"/>
                </a:lnTo>
                <a:lnTo>
                  <a:pt x="3782991" y="4392000"/>
                </a:lnTo>
                <a:lnTo>
                  <a:pt x="3748592" y="4392000"/>
                </a:lnTo>
                <a:lnTo>
                  <a:pt x="3691879" y="4392000"/>
                </a:lnTo>
                <a:lnTo>
                  <a:pt x="3653412" y="4392000"/>
                </a:lnTo>
                <a:lnTo>
                  <a:pt x="3607276" y="4392000"/>
                </a:lnTo>
                <a:lnTo>
                  <a:pt x="3552771" y="4392000"/>
                </a:lnTo>
                <a:lnTo>
                  <a:pt x="3489202" y="4392000"/>
                </a:lnTo>
                <a:lnTo>
                  <a:pt x="3415872" y="4392000"/>
                </a:lnTo>
                <a:lnTo>
                  <a:pt x="3332081" y="4392000"/>
                </a:lnTo>
                <a:lnTo>
                  <a:pt x="3237135" y="4392000"/>
                </a:lnTo>
                <a:lnTo>
                  <a:pt x="3130334" y="4392000"/>
                </a:lnTo>
                <a:lnTo>
                  <a:pt x="3010983" y="4392000"/>
                </a:lnTo>
                <a:lnTo>
                  <a:pt x="2878383" y="4392000"/>
                </a:lnTo>
                <a:lnTo>
                  <a:pt x="2731837" y="4392000"/>
                </a:lnTo>
                <a:lnTo>
                  <a:pt x="2570649" y="4392000"/>
                </a:lnTo>
                <a:lnTo>
                  <a:pt x="2394120" y="4392000"/>
                </a:lnTo>
                <a:lnTo>
                  <a:pt x="2201554" y="4392000"/>
                </a:lnTo>
                <a:lnTo>
                  <a:pt x="1992253" y="4392000"/>
                </a:lnTo>
                <a:lnTo>
                  <a:pt x="1765520" y="4392000"/>
                </a:lnTo>
                <a:lnTo>
                  <a:pt x="1520657" y="4392000"/>
                </a:lnTo>
                <a:lnTo>
                  <a:pt x="1256968" y="4392000"/>
                </a:lnTo>
                <a:lnTo>
                  <a:pt x="973755" y="4392000"/>
                </a:lnTo>
                <a:lnTo>
                  <a:pt x="670321" y="4392000"/>
                </a:lnTo>
                <a:lnTo>
                  <a:pt x="345969" y="4392000"/>
                </a:lnTo>
                <a:lnTo>
                  <a:pt x="0" y="4392000"/>
                </a:lnTo>
                <a:close/>
              </a:path>
            </a:pathLst>
          </a:custGeom>
        </p:spPr>
        <p:txBody>
          <a:bodyPr wrap="square" tIns="0" anchor="t" anchorCtr="0">
            <a:noAutofit/>
          </a:bodyPr>
          <a:lstStyle>
            <a:lvl1pPr marL="0" indent="0" algn="l">
              <a:buNone/>
              <a:defRPr sz="1400">
                <a:solidFill>
                  <a:schemeClr val="tx2"/>
                </a:solidFill>
              </a:defRPr>
            </a:lvl1pPr>
          </a:lstStyle>
          <a:p>
            <a:r>
              <a:rPr lang="da-DK" noProof="0" dirty="0"/>
              <a:t>Klik på denne pladsholder og indsæt billede via Skyfish</a:t>
            </a:r>
          </a:p>
        </p:txBody>
      </p:sp>
      <p:sp>
        <p:nvSpPr>
          <p:cNvPr id="15" name="TextBox 14"/>
          <p:cNvSpPr txBox="1"/>
          <p:nvPr userDrawn="1"/>
        </p:nvSpPr>
        <p:spPr>
          <a:xfrm>
            <a:off x="-1" y="-300028"/>
            <a:ext cx="1188000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Bemærk</a:t>
            </a:r>
            <a:r>
              <a:rPr lang="da-DK" sz="1200" dirty="0"/>
              <a:t>: På denne side kan billedet udskiftes.</a:t>
            </a:r>
          </a:p>
        </p:txBody>
      </p:sp>
    </p:spTree>
    <p:extLst>
      <p:ext uri="{BB962C8B-B14F-4D97-AF65-F5344CB8AC3E}">
        <p14:creationId xmlns:p14="http://schemas.microsoft.com/office/powerpoint/2010/main" val="3578158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56000" y="756000"/>
            <a:ext cx="8560800" cy="934890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540801" y="1989056"/>
            <a:ext cx="7776000" cy="411294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Edit Master text style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343480" y="6528915"/>
            <a:ext cx="39492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7" name="Date Placeholder 3" hidden="1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D9FE36D3-6D8A-41B0-8F1B-2F75587B4040}" type="datetime2">
              <a:rPr lang="da-DK" smtClean="0"/>
              <a:t>27. november 2024</a:t>
            </a:fld>
            <a:endParaRPr lang="en-GB" dirty="0"/>
          </a:p>
        </p:txBody>
      </p:sp>
      <p:sp>
        <p:nvSpPr>
          <p:cNvPr id="18" name="Footer Placeholder 4" hidden="1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pic>
        <p:nvPicPr>
          <p:cNvPr id="9" name="Logo"/>
          <p:cNvPicPr>
            <a:picLocks noChangeAspect="1"/>
          </p:cNvPicPr>
          <p:nvPr userDrawn="1"/>
        </p:nvPicPr>
        <p:blipFill>
          <a:blip r:embed="rId2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809164" y="398179"/>
            <a:ext cx="1051200" cy="148556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24" r:id="rId2"/>
    <p:sldLayoutId id="2147483736" r:id="rId3"/>
    <p:sldLayoutId id="2147483658" r:id="rId4"/>
    <p:sldLayoutId id="2147483722" r:id="rId5"/>
    <p:sldLayoutId id="2147483721" r:id="rId6"/>
    <p:sldLayoutId id="2147483725" r:id="rId7"/>
    <p:sldLayoutId id="2147483726" r:id="rId8"/>
    <p:sldLayoutId id="2147483728" r:id="rId9"/>
    <p:sldLayoutId id="2147483729" r:id="rId10"/>
    <p:sldLayoutId id="2147483731" r:id="rId11"/>
    <p:sldLayoutId id="2147483734" r:id="rId12"/>
    <p:sldLayoutId id="2147483727" r:id="rId13"/>
    <p:sldLayoutId id="2147483732" r:id="rId14"/>
    <p:sldLayoutId id="2147483735" r:id="rId15"/>
    <p:sldLayoutId id="2147483733" r:id="rId16"/>
    <p:sldLayoutId id="2147483652" r:id="rId17"/>
    <p:sldLayoutId id="2147483654" r:id="rId18"/>
    <p:sldLayoutId id="2147483655" r:id="rId19"/>
    <p:sldLayoutId id="2147483670" r:id="rId20"/>
  </p:sldLayoutIdLst>
  <p:hf hdr="0"/>
  <p:txStyles>
    <p:titleStyle>
      <a:lvl1pPr algn="l" defTabSz="914400" rtl="0" eaLnBrk="1" latinLnBrk="0" hangingPunct="1">
        <a:lnSpc>
          <a:spcPct val="88000"/>
        </a:lnSpc>
        <a:spcBef>
          <a:spcPct val="0"/>
        </a:spcBef>
        <a:buNone/>
        <a:defRPr lang="en-US" sz="3400" b="1" kern="1200" dirty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1000"/>
        </a:lnSpc>
        <a:spcBef>
          <a:spcPts val="0"/>
        </a:spcBef>
        <a:spcAft>
          <a:spcPts val="1400"/>
        </a:spcAft>
        <a:buClrTx/>
        <a:buSzPct val="90000"/>
        <a:buFont typeface="Wingdings 2" panose="05020102010507070707" pitchFamily="18" charset="2"/>
        <a:buChar char="¡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1000"/>
        </a:lnSpc>
        <a:spcBef>
          <a:spcPts val="0"/>
        </a:spcBef>
        <a:spcAft>
          <a:spcPts val="1400"/>
        </a:spcAft>
        <a:buClrTx/>
        <a:buSzPct val="90000"/>
        <a:buFont typeface="Wingdings 2" panose="05020102010507070707" pitchFamily="18" charset="2"/>
        <a:buChar char="¡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1000"/>
        </a:lnSpc>
        <a:spcBef>
          <a:spcPts val="0"/>
        </a:spcBef>
        <a:spcAft>
          <a:spcPts val="1400"/>
        </a:spcAft>
        <a:buClrTx/>
        <a:buSzPct val="90000"/>
        <a:buFont typeface="Wingdings 2" panose="05020102010507070707" pitchFamily="18" charset="2"/>
        <a:buChar char="¡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1000"/>
        </a:lnSpc>
        <a:spcBef>
          <a:spcPts val="0"/>
        </a:spcBef>
        <a:spcAft>
          <a:spcPts val="1400"/>
        </a:spcAft>
        <a:buClrTx/>
        <a:buSzPct val="90000"/>
        <a:buFont typeface="Wingdings 2" panose="05020102010507070707" pitchFamily="18" charset="2"/>
        <a:buChar char="¡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1000"/>
        </a:lnSpc>
        <a:spcBef>
          <a:spcPts val="0"/>
        </a:spcBef>
        <a:spcAft>
          <a:spcPts val="1400"/>
        </a:spcAft>
        <a:buClrTx/>
        <a:buSzPct val="90000"/>
        <a:buFont typeface="Wingdings 2" panose="05020102010507070707" pitchFamily="18" charset="2"/>
        <a:buChar char="¡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1000"/>
        </a:lnSpc>
        <a:spcBef>
          <a:spcPts val="0"/>
        </a:spcBef>
        <a:spcAft>
          <a:spcPts val="1400"/>
        </a:spcAft>
        <a:buClrTx/>
        <a:buSzPct val="90000"/>
        <a:buFont typeface="Wingdings 2" panose="05020102010507070707" pitchFamily="18" charset="2"/>
        <a:buChar char="¡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1000"/>
        </a:lnSpc>
        <a:spcBef>
          <a:spcPts val="0"/>
        </a:spcBef>
        <a:spcAft>
          <a:spcPts val="1400"/>
        </a:spcAft>
        <a:buClrTx/>
        <a:buSzPct val="90000"/>
        <a:buFont typeface="Wingdings 2" panose="05020102010507070707" pitchFamily="18" charset="2"/>
        <a:buChar char="¡"/>
        <a:defRPr sz="180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1000"/>
        </a:lnSpc>
        <a:spcBef>
          <a:spcPts val="0"/>
        </a:spcBef>
        <a:spcAft>
          <a:spcPts val="1400"/>
        </a:spcAft>
        <a:buClrTx/>
        <a:buSzPct val="90000"/>
        <a:buFont typeface="Wingdings 2" panose="05020102010507070707" pitchFamily="18" charset="2"/>
        <a:buChar char="¡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1000"/>
        </a:lnSpc>
        <a:spcBef>
          <a:spcPts val="600"/>
        </a:spcBef>
        <a:spcAft>
          <a:spcPts val="1400"/>
        </a:spcAft>
        <a:buClrTx/>
        <a:buSzPct val="90000"/>
        <a:buFont typeface="Wingdings 2" panose="05020102010507070707" pitchFamily="18" charset="2"/>
        <a:buChar char="¡"/>
        <a:defRPr sz="18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76" userDrawn="1">
          <p15:clr>
            <a:srgbClr val="F26B43"/>
          </p15:clr>
        </p15:guide>
        <p15:guide id="2" pos="5868" userDrawn="1">
          <p15:clr>
            <a:srgbClr val="F26B43"/>
          </p15:clr>
        </p15:guide>
        <p15:guide id="3" orient="horz" pos="476" userDrawn="1">
          <p15:clr>
            <a:srgbClr val="F26B43"/>
          </p15:clr>
        </p15:guide>
        <p15:guide id="4" orient="horz" pos="1065" userDrawn="1">
          <p15:clr>
            <a:srgbClr val="F26B43"/>
          </p15:clr>
        </p15:guide>
        <p15:guide id="5" pos="970" userDrawn="1">
          <p15:clr>
            <a:srgbClr val="F26B43"/>
          </p15:clr>
        </p15:guide>
        <p15:guide id="6" orient="horz" pos="1252" userDrawn="1">
          <p15:clr>
            <a:srgbClr val="F26B43"/>
          </p15:clr>
        </p15:guide>
        <p15:guide id="7" orient="horz" pos="3843" userDrawn="1">
          <p15:clr>
            <a:srgbClr val="F26B43"/>
          </p15:clr>
        </p15:guide>
        <p15:guide id="8" pos="6843" userDrawn="1">
          <p15:clr>
            <a:srgbClr val="000000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1.xml"/><Relationship Id="rId3" Type="http://schemas.openxmlformats.org/officeDocument/2006/relationships/tags" Target="../tags/tag1.xml"/><Relationship Id="rId7" Type="http://schemas.openxmlformats.org/officeDocument/2006/relationships/diagramQuickStyle" Target="../diagrams/quickStyle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Relationship Id="rId6" Type="http://schemas.openxmlformats.org/officeDocument/2006/relationships/diagramLayout" Target="../diagrams/layout1.xml"/><Relationship Id="rId5" Type="http://schemas.openxmlformats.org/officeDocument/2006/relationships/diagramData" Target="../diagrams/data1.xml"/><Relationship Id="rId4" Type="http://schemas.openxmlformats.org/officeDocument/2006/relationships/slideLayout" Target="../slideLayouts/slideLayout1.xml"/><Relationship Id="rId9" Type="http://schemas.microsoft.com/office/2007/relationships/diagramDrawing" Target="../diagrams/drawing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/>
          <p:cNvSpPr>
            <a:spLocks noGrp="1"/>
          </p:cNvSpPr>
          <p:nvPr>
            <p:ph type="ctrTitle"/>
          </p:nvPr>
        </p:nvSpPr>
        <p:spPr>
          <a:xfrm>
            <a:off x="755649" y="253906"/>
            <a:ext cx="9130700" cy="990499"/>
          </a:xfrm>
        </p:spPr>
        <p:txBody>
          <a:bodyPr/>
          <a:lstStyle/>
          <a:p>
            <a:r>
              <a:rPr lang="da-DK" dirty="0"/>
              <a:t>Læseprocessen fra start til slut</a:t>
            </a:r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3"/>
          </p:nvPr>
        </p:nvSpPr>
        <p:spPr/>
        <p:txBody>
          <a:bodyPr/>
          <a:lstStyle/>
          <a:p>
            <a:endParaRPr lang="da-DK" dirty="0"/>
          </a:p>
        </p:txBody>
      </p:sp>
      <p:graphicFrame>
        <p:nvGraphicFramePr>
          <p:cNvPr id="2" name="Diagram 1">
            <a:extLst>
              <a:ext uri="{FF2B5EF4-FFF2-40B4-BE49-F238E27FC236}">
                <a16:creationId xmlns:a16="http://schemas.microsoft.com/office/drawing/2014/main" id="{5699F7A2-F022-B33E-2C60-FC5A37F9BA05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257354990"/>
              </p:ext>
            </p:extLst>
          </p:nvPr>
        </p:nvGraphicFramePr>
        <p:xfrm>
          <a:off x="2032000" y="719666"/>
          <a:ext cx="8128000" cy="541866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82409748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99250061365052"/>
</p:tagLst>
</file>

<file path=ppt/theme/theme1.xml><?xml version="1.0" encoding="utf-8"?>
<a:theme xmlns:a="http://schemas.openxmlformats.org/drawingml/2006/main" name="Professionshøjskolen Absalon">
  <a:themeElements>
    <a:clrScheme name="PHA">
      <a:dk1>
        <a:sysClr val="windowText" lastClr="000000"/>
      </a:dk1>
      <a:lt1>
        <a:sysClr val="window" lastClr="FFFFFF"/>
      </a:lt1>
      <a:dk2>
        <a:srgbClr val="404646"/>
      </a:dk2>
      <a:lt2>
        <a:srgbClr val="FFFFFF"/>
      </a:lt2>
      <a:accent1>
        <a:srgbClr val="D03635"/>
      </a:accent1>
      <a:accent2>
        <a:srgbClr val="383889"/>
      </a:accent2>
      <a:accent3>
        <a:srgbClr val="8ACBC1"/>
      </a:accent3>
      <a:accent4>
        <a:srgbClr val="863281"/>
      </a:accent4>
      <a:accent5>
        <a:srgbClr val="FFD85C"/>
      </a:accent5>
      <a:accent6>
        <a:srgbClr val="5BC5F2"/>
      </a:accent6>
      <a:hlink>
        <a:srgbClr val="D03635"/>
      </a:hlink>
      <a:folHlink>
        <a:srgbClr val="9C9C9C"/>
      </a:folHlink>
    </a:clrScheme>
    <a:fontScheme name="PHA">
      <a:majorFont>
        <a:latin typeface="Corbel"/>
        <a:ea typeface=""/>
        <a:cs typeface=""/>
      </a:majorFont>
      <a:minorFont>
        <a:latin typeface="Corbe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1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BaseTemplate 16-9.potx" id="{2268602D-C640-4585-9043-06880A9F63F9}" vid="{223A70CD-4269-4FCB-A11B-9D1424B87D07}"/>
    </a:ext>
  </a:extLst>
</a:theme>
</file>

<file path=ppt/theme/theme2.xml><?xml version="1.0" encoding="utf-8"?>
<a:theme xmlns:a="http://schemas.openxmlformats.org/drawingml/2006/main" name="Office-tema">
  <a:themeElements>
    <a:clrScheme name="PHA">
      <a:dk1>
        <a:sysClr val="windowText" lastClr="000000"/>
      </a:dk1>
      <a:lt1>
        <a:sysClr val="window" lastClr="FFFFFF"/>
      </a:lt1>
      <a:dk2>
        <a:srgbClr val="404646"/>
      </a:dk2>
      <a:lt2>
        <a:srgbClr val="FFFFFF"/>
      </a:lt2>
      <a:accent1>
        <a:srgbClr val="D03635"/>
      </a:accent1>
      <a:accent2>
        <a:srgbClr val="383889"/>
      </a:accent2>
      <a:accent3>
        <a:srgbClr val="8ACBC1"/>
      </a:accent3>
      <a:accent4>
        <a:srgbClr val="863281"/>
      </a:accent4>
      <a:accent5>
        <a:srgbClr val="FFD85C"/>
      </a:accent5>
      <a:accent6>
        <a:srgbClr val="09A7F2"/>
      </a:accent6>
      <a:hlink>
        <a:srgbClr val="D03635"/>
      </a:hlink>
      <a:folHlink>
        <a:srgbClr val="9C9C9C"/>
      </a:folHlink>
    </a:clrScheme>
    <a:fontScheme name="PHA">
      <a:majorFont>
        <a:latin typeface="Corbel"/>
        <a:ea typeface=""/>
        <a:cs typeface=""/>
      </a:majorFont>
      <a:minorFont>
        <a:latin typeface="Corbe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],"transformationConfigurations":[],"templateName":"PowerPoint skabelon","templateDescription":"","enableDocumentContentUpdater":false,"version":"2.0"}]]></TemplafyTemplateConfiguration>
</file>

<file path=customXml/item2.xml><?xml version="1.0" encoding="utf-8"?>
<TemplafySlideTemplateConfiguration><![CDATA[{"slideVersion":1,"isValidatorEnabled":false,"isLocked":false,"elementsMetadata":[],"slideId":"638267383685990541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267383685991135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8267383685981551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A093B74-19CF-480E-B41F-647704CF6313}">
  <ds:schemaRefs/>
</ds:datastoreItem>
</file>

<file path=customXml/itemProps2.xml><?xml version="1.0" encoding="utf-8"?>
<ds:datastoreItem xmlns:ds="http://schemas.openxmlformats.org/officeDocument/2006/customXml" ds:itemID="{94529370-0B62-450F-8580-FD0ABA4DD943}">
  <ds:schemaRefs/>
</ds:datastoreItem>
</file>

<file path=customXml/itemProps3.xml><?xml version="1.0" encoding="utf-8"?>
<ds:datastoreItem xmlns:ds="http://schemas.openxmlformats.org/officeDocument/2006/customXml" ds:itemID="{6BA188AB-6009-4CA3-8B02-D422FAA27303}">
  <ds:schemaRefs/>
</ds:datastoreItem>
</file>

<file path=customXml/itemProps4.xml><?xml version="1.0" encoding="utf-8"?>
<ds:datastoreItem xmlns:ds="http://schemas.openxmlformats.org/officeDocument/2006/customXml" ds:itemID="{AC0DADA9-8626-42E9-AFDB-432D955C9382}">
  <ds:schemaRefs/>
</ds:datastoreItem>
</file>

<file path=customXml/itemProps5.xml><?xml version="1.0" encoding="utf-8"?>
<ds:datastoreItem xmlns:ds="http://schemas.openxmlformats.org/officeDocument/2006/customXml" ds:itemID="{08AB9669-4255-43FA-942D-880DE136A194}">
  <ds:schemaRefs/>
</ds:datastoreItem>
</file>

<file path=customXml/itemProps6.xml><?xml version="1.0" encoding="utf-8"?>
<ds:datastoreItem xmlns:ds="http://schemas.openxmlformats.org/officeDocument/2006/customXml" ds:itemID="{3D1F0A1B-23DC-40E0-8227-6B0ACB90CF1A}">
  <ds:schemaRefs/>
</ds:datastoreItem>
</file>

<file path=customXml/itemProps7.xml><?xml version="1.0" encoding="utf-8"?>
<ds:datastoreItem xmlns:ds="http://schemas.openxmlformats.org/officeDocument/2006/customXml" ds:itemID="{E457B643-99D3-44DD-9C20-36E3D9F4F608}">
  <ds:schemaRefs/>
</ds:datastoreItem>
</file>

<file path=customXml/itemProps8.xml><?xml version="1.0" encoding="utf-8"?>
<ds:datastoreItem xmlns:ds="http://schemas.openxmlformats.org/officeDocument/2006/customXml" ds:itemID="{600C446C-2DD5-450F-B059-7B8369B7227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</Template>
  <TotalTime>0</TotalTime>
  <Words>85</Words>
  <Application>Microsoft Office PowerPoint</Application>
  <PresentationFormat>Widescreen</PresentationFormat>
  <Paragraphs>31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rial</vt:lpstr>
      <vt:lpstr>Corbel</vt:lpstr>
      <vt:lpstr>Wingdings 2</vt:lpstr>
      <vt:lpstr>Professionshøjskolen Absalon</vt:lpstr>
      <vt:lpstr>Læseprocessen fra start til slu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11-27T14:52:59Z</dcterms:created>
  <dcterms:modified xsi:type="dcterms:W3CDTF">2024-11-27T15:00:5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23-08-04T09:32:48</vt:lpwstr>
  </property>
  <property fmtid="{D5CDD505-2E9C-101B-9397-08002B2CF9AE}" pid="4" name="TemplafyTenantId">
    <vt:lpwstr>pha</vt:lpwstr>
  </property>
  <property fmtid="{D5CDD505-2E9C-101B-9397-08002B2CF9AE}" pid="5" name="TemplafyTemplateId">
    <vt:lpwstr>636331031522926081</vt:lpwstr>
  </property>
  <property fmtid="{D5CDD505-2E9C-101B-9397-08002B2CF9AE}" pid="6" name="TemplafyUserProfileId">
    <vt:lpwstr>638258790353426295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</Properties>
</file>